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mbeddings/oleObject1.bin" ContentType="application/vnd.openxmlformats-officedocument.oleOb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575\14_食品衛生G\02_食品一般\02_通知\01_食品衛生法\_「営業許可申請・届出等に関する様式、記載要領及び添付書類の取扱いについて」の一部改正について\03_パブコメ実施\"/>
    </mc:Choice>
  </mc:AlternateContent>
  <xr:revisionPtr revIDLastSave="0" documentId="13_ncr:1_{65BDCAD1-4274-45E2-BB44-A1DA7633AD9D}" xr6:coauthVersionLast="47" xr6:coauthVersionMax="47" xr10:uidLastSave="{00000000-0000-0000-0000-000000000000}"/>
  <bookViews>
    <workbookView xWindow="3228" yWindow="204" windowWidth="18348" windowHeight="11316" xr2:uid="{00000000-000D-0000-FFFF-FFFF00000000}"/>
  </bookViews>
  <sheets>
    <sheet name="要領" sheetId="76" r:id="rId1"/>
    <sheet name="別紙様式１【新規、継続】許可申請書・届出書 " sheetId="75" r:id="rId2"/>
    <sheet name="別紙様式２【変更】許可申請書・届出書  " sheetId="73" r:id="rId3"/>
    <sheet name="別紙様式３【廃業】許可申請書・届出書 " sheetId="38" r:id="rId4"/>
    <sheet name="別紙様式４【地位承継】許可申請書・届出書" sheetId="74" r:id="rId5"/>
    <sheet name="別紙様式５　食品衛生管理者選任（変更）届" sheetId="28" r:id="rId6"/>
  </sheets>
  <externalReferences>
    <externalReference r:id="rId7"/>
  </externalReferences>
  <definedNames>
    <definedName name="_xlnm.Print_Area" localSheetId="1">'別紙様式１【新規、継続】許可申請書・届出書 '!$C$2:$AT$89</definedName>
    <definedName name="_xlnm.Print_Area" localSheetId="2">'別紙様式２【変更】許可申請書・届出書  '!$C$2:$AT$89</definedName>
    <definedName name="_xlnm.Print_Area" localSheetId="3">'別紙様式３【廃業】許可申請書・届出書 '!$C$2:$AT$90</definedName>
    <definedName name="_xlnm.Print_Area" localSheetId="4">別紙様式４【地位承継】許可申請書・届出書!$C$1:$AT$93</definedName>
    <definedName name="_xlnm.Print_Area" localSheetId="5">'別紙様式５　食品衛生管理者選任（変更）届'!$A$1:$AB$29</definedName>
    <definedName name="衛生証明書番号">'[1]Data Sheet'!$B$2</definedName>
  </definedNames>
  <calcPr calcId="162913"/>
</workbook>
</file>

<file path=xl/sharedStrings.xml><?xml version="1.0" encoding="utf-8"?>
<sst xmlns="http://schemas.openxmlformats.org/spreadsheetml/2006/main" count="631" uniqueCount="234">
  <si>
    <t>殿</t>
  </si>
  <si>
    <t>法人番号：</t>
    <rPh sb="0" eb="2">
      <t>ホウジン</t>
    </rPh>
    <rPh sb="2" eb="4">
      <t>バンゴウ</t>
    </rPh>
    <phoneticPr fontId="1"/>
  </si>
  <si>
    <t>電話番号：</t>
    <rPh sb="0" eb="2">
      <t>デンワ</t>
    </rPh>
    <rPh sb="2" eb="4">
      <t>バンゴウ</t>
    </rPh>
    <phoneticPr fontId="1"/>
  </si>
  <si>
    <t>（ふりがな）</t>
    <phoneticPr fontId="1"/>
  </si>
  <si>
    <t>郵便番号：</t>
    <rPh sb="0" eb="4">
      <t>ユウビンバンゴウ</t>
    </rPh>
    <phoneticPr fontId="1"/>
  </si>
  <si>
    <t>電子メールアドレス：</t>
    <phoneticPr fontId="1"/>
  </si>
  <si>
    <t>FAX番号：</t>
    <rPh sb="3" eb="5">
      <t>バンゴウ</t>
    </rPh>
    <phoneticPr fontId="1"/>
  </si>
  <si>
    <t>営業の種類</t>
    <rPh sb="0" eb="2">
      <t>エイギョウ</t>
    </rPh>
    <rPh sb="3" eb="5">
      <t>シュルイ</t>
    </rPh>
    <phoneticPr fontId="1"/>
  </si>
  <si>
    <t>資格の種類</t>
    <rPh sb="0" eb="2">
      <t>シカク</t>
    </rPh>
    <rPh sb="3" eb="5">
      <t>シュルイ</t>
    </rPh>
    <phoneticPr fontId="1"/>
  </si>
  <si>
    <t>受講した講習会</t>
    <rPh sb="0" eb="2">
      <t>ジュコウ</t>
    </rPh>
    <rPh sb="4" eb="7">
      <t>コウシュウカイ</t>
    </rPh>
    <phoneticPr fontId="1"/>
  </si>
  <si>
    <t>　年　　月　 日生</t>
    <phoneticPr fontId="1"/>
  </si>
  <si>
    <t>電話番号</t>
    <rPh sb="0" eb="2">
      <t>デンワ</t>
    </rPh>
    <rPh sb="2" eb="4">
      <t>バンゴウ</t>
    </rPh>
    <phoneticPr fontId="1"/>
  </si>
  <si>
    <t>営業施設情報</t>
    <rPh sb="0" eb="2">
      <t>エイギョウ</t>
    </rPh>
    <rPh sb="2" eb="4">
      <t>シセツ</t>
    </rPh>
    <rPh sb="4" eb="6">
      <t>ジョウホウ</t>
    </rPh>
    <phoneticPr fontId="1"/>
  </si>
  <si>
    <t>業種に応じた情報</t>
    <rPh sb="0" eb="2">
      <t>ギョウシュ</t>
    </rPh>
    <rPh sb="3" eb="4">
      <t>オウ</t>
    </rPh>
    <rPh sb="6" eb="8">
      <t>ジョウホウ</t>
    </rPh>
    <phoneticPr fontId="1"/>
  </si>
  <si>
    <t>施設の所在地</t>
    <rPh sb="0" eb="2">
      <t>シセツ</t>
    </rPh>
    <phoneticPr fontId="1"/>
  </si>
  <si>
    <t>施設の名称、屋号、商号</t>
    <rPh sb="0" eb="2">
      <t>シセツ</t>
    </rPh>
    <rPh sb="6" eb="8">
      <t>ヤゴウ</t>
    </rPh>
    <rPh sb="9" eb="11">
      <t>ショウゴウ</t>
    </rPh>
    <phoneticPr fontId="1"/>
  </si>
  <si>
    <t>届出者情報</t>
    <rPh sb="0" eb="2">
      <t>トドケデ</t>
    </rPh>
    <rPh sb="2" eb="3">
      <t>シャ</t>
    </rPh>
    <rPh sb="3" eb="5">
      <t>ジョウホウ</t>
    </rPh>
    <phoneticPr fontId="1"/>
  </si>
  <si>
    <t>　　　　　年　　　月　　　日</t>
    <rPh sb="5" eb="6">
      <t>ネン</t>
    </rPh>
    <rPh sb="9" eb="10">
      <t>ガツ</t>
    </rPh>
    <rPh sb="13" eb="14">
      <t>ヒ</t>
    </rPh>
    <phoneticPr fontId="4"/>
  </si>
  <si>
    <t>（ふりがな）</t>
    <phoneticPr fontId="2"/>
  </si>
  <si>
    <t>食品衛生管理者選任（変更）届</t>
    <rPh sb="0" eb="2">
      <t>ショクヒン</t>
    </rPh>
    <rPh sb="2" eb="4">
      <t>エイセイ</t>
    </rPh>
    <rPh sb="4" eb="7">
      <t>カンリシャ</t>
    </rPh>
    <rPh sb="7" eb="9">
      <t>センニン</t>
    </rPh>
    <rPh sb="10" eb="12">
      <t>ヘンコウ</t>
    </rPh>
    <rPh sb="13" eb="14">
      <t>トド</t>
    </rPh>
    <phoneticPr fontId="1"/>
  </si>
  <si>
    <t>施設情報</t>
    <rPh sb="0" eb="2">
      <t>シセツ</t>
    </rPh>
    <rPh sb="2" eb="4">
      <t>ジョウホウ</t>
    </rPh>
    <phoneticPr fontId="4"/>
  </si>
  <si>
    <t>食品衛生管理者情報</t>
    <rPh sb="0" eb="2">
      <t>ショクヒン</t>
    </rPh>
    <rPh sb="2" eb="4">
      <t>エイセイ</t>
    </rPh>
    <rPh sb="4" eb="7">
      <t>カンリシャ</t>
    </rPh>
    <rPh sb="7" eb="9">
      <t>ジョウホウ</t>
    </rPh>
    <phoneticPr fontId="8"/>
  </si>
  <si>
    <t>氏名</t>
    <rPh sb="0" eb="2">
      <t>シメイ</t>
    </rPh>
    <phoneticPr fontId="4"/>
  </si>
  <si>
    <t>住所</t>
    <rPh sb="0" eb="2">
      <t>ジュウショ</t>
    </rPh>
    <phoneticPr fontId="8"/>
  </si>
  <si>
    <t>職名</t>
    <rPh sb="0" eb="2">
      <t>ショクメイ</t>
    </rPh>
    <phoneticPr fontId="4"/>
  </si>
  <si>
    <t>職種</t>
    <rPh sb="0" eb="2">
      <t>ショクシュ</t>
    </rPh>
    <phoneticPr fontId="4"/>
  </si>
  <si>
    <t>職務内容</t>
    <rPh sb="0" eb="2">
      <t>ショクム</t>
    </rPh>
    <rPh sb="2" eb="4">
      <t>ナイヨウ</t>
    </rPh>
    <phoneticPr fontId="4"/>
  </si>
  <si>
    <t>選任（変更）年月日</t>
    <rPh sb="0" eb="2">
      <t>センニン</t>
    </rPh>
    <rPh sb="3" eb="5">
      <t>ヘンコウ</t>
    </rPh>
    <rPh sb="6" eb="9">
      <t>ネンガッピ</t>
    </rPh>
    <phoneticPr fontId="4"/>
  </si>
  <si>
    <t>令第13条に規定する食品又は添加物の別</t>
    <phoneticPr fontId="8"/>
  </si>
  <si>
    <t>年　　月　 日生</t>
  </si>
  <si>
    <t>営業許可業種</t>
    <rPh sb="0" eb="2">
      <t>エイギョウ</t>
    </rPh>
    <rPh sb="2" eb="4">
      <t>キョカ</t>
    </rPh>
    <rPh sb="4" eb="6">
      <t>ギョウシュ</t>
    </rPh>
    <phoneticPr fontId="1"/>
  </si>
  <si>
    <t>営業届出</t>
    <rPh sb="0" eb="2">
      <t>エイギョウ</t>
    </rPh>
    <rPh sb="2" eb="4">
      <t>トドケデ</t>
    </rPh>
    <phoneticPr fontId="1"/>
  </si>
  <si>
    <t>備考</t>
    <rPh sb="0" eb="2">
      <t>ビコウ</t>
    </rPh>
    <phoneticPr fontId="1"/>
  </si>
  <si>
    <t>添付書類</t>
    <rPh sb="0" eb="2">
      <t>テンプ</t>
    </rPh>
    <rPh sb="2" eb="4">
      <t>ショルイ</t>
    </rPh>
    <phoneticPr fontId="1"/>
  </si>
  <si>
    <t>　　　　　年　　　月　　　日</t>
    <rPh sb="5" eb="6">
      <t>ネン</t>
    </rPh>
    <rPh sb="9" eb="10">
      <t>ガツ</t>
    </rPh>
    <rPh sb="13" eb="14">
      <t>ヒ</t>
    </rPh>
    <phoneticPr fontId="1"/>
  </si>
  <si>
    <t>合併により消滅した法人の名称及び代表者氏名</t>
  </si>
  <si>
    <t>添付書類</t>
    <phoneticPr fontId="8"/>
  </si>
  <si>
    <t>□履歴書　　□資格等を証する書面　　　
□営業者に対する関係を証する書面</t>
    <rPh sb="1" eb="4">
      <t>リレキショ</t>
    </rPh>
    <rPh sb="7" eb="9">
      <t>シカク</t>
    </rPh>
    <rPh sb="9" eb="10">
      <t>トウ</t>
    </rPh>
    <rPh sb="11" eb="12">
      <t>ショウ</t>
    </rPh>
    <rPh sb="14" eb="16">
      <t>ショメン</t>
    </rPh>
    <rPh sb="21" eb="24">
      <t>エイギョウシャ</t>
    </rPh>
    <rPh sb="25" eb="26">
      <t>タイ</t>
    </rPh>
    <rPh sb="28" eb="30">
      <t>カンケイ</t>
    </rPh>
    <rPh sb="31" eb="32">
      <t>ショウ</t>
    </rPh>
    <rPh sb="34" eb="36">
      <t>ショメン</t>
    </rPh>
    <phoneticPr fontId="8"/>
  </si>
  <si>
    <t>担当者
氏名</t>
    <rPh sb="0" eb="3">
      <t>タントウシャ</t>
    </rPh>
    <rPh sb="4" eb="6">
      <t>シメイ</t>
    </rPh>
    <phoneticPr fontId="2"/>
  </si>
  <si>
    <t>予防液の種類　Ⅲ</t>
    <rPh sb="0" eb="3">
      <t>ヨボウエキ</t>
    </rPh>
    <rPh sb="4" eb="6">
      <t>シュルイ</t>
    </rPh>
    <phoneticPr fontId="12"/>
  </si>
  <si>
    <t>＊＊＊＊＊＊</t>
    <phoneticPr fontId="12"/>
  </si>
  <si>
    <t>See Attachment</t>
    <phoneticPr fontId="12"/>
  </si>
  <si>
    <t>See Reverse Side</t>
    <phoneticPr fontId="12"/>
  </si>
  <si>
    <t>予防液の種類　Ⅳ</t>
    <rPh sb="0" eb="3">
      <t>ヨボウエキ</t>
    </rPh>
    <rPh sb="4" eb="6">
      <t>シュルイ</t>
    </rPh>
    <phoneticPr fontId="12"/>
  </si>
  <si>
    <t>食品衛生法（第55条第1項・第57条第1項）の規定に基づき次のとおり関係書類を提出します。</t>
  </si>
  <si>
    <t>食品衛生法第59条から第61条までの規定により許可を取り消され、その取消しの日から起算して2年を経過していないこと。</t>
  </si>
  <si>
    <t>□</t>
  </si>
  <si>
    <t>）</t>
  </si>
  <si>
    <t>水道水</t>
  </si>
  <si>
    <t>①以外の飲用に適する水</t>
  </si>
  <si>
    <t>法第55条第2項関係</t>
    <phoneticPr fontId="1"/>
  </si>
  <si>
    <t>□</t>
    <phoneticPr fontId="1"/>
  </si>
  <si>
    <t>業態</t>
    <rPh sb="0" eb="2">
      <t>ギョウタイ</t>
    </rPh>
    <phoneticPr fontId="1"/>
  </si>
  <si>
    <t>番号　　　　　　　　　　　　年 　月 　日</t>
    <phoneticPr fontId="1"/>
  </si>
  <si>
    <t>法人番号：</t>
    <phoneticPr fontId="1"/>
  </si>
  <si>
    <t>FAX番号：</t>
    <phoneticPr fontId="1"/>
  </si>
  <si>
    <t>分割年月日</t>
    <phoneticPr fontId="1"/>
  </si>
  <si>
    <t>年　　　　月　　　　日</t>
    <rPh sb="0" eb="1">
      <t>ネン</t>
    </rPh>
    <rPh sb="5" eb="6">
      <t>ツキ</t>
    </rPh>
    <rPh sb="10" eb="11">
      <t>ヒ</t>
    </rPh>
    <phoneticPr fontId="1"/>
  </si>
  <si>
    <t>整理番号：</t>
    <rPh sb="0" eb="2">
      <t>セイリ</t>
    </rPh>
    <rPh sb="2" eb="4">
      <t>バンゴウ</t>
    </rPh>
    <phoneticPr fontId="1"/>
  </si>
  <si>
    <t>殿</t>
    <rPh sb="0" eb="1">
      <t>ドノ</t>
    </rPh>
    <phoneticPr fontId="1"/>
  </si>
  <si>
    <t>※</t>
    <phoneticPr fontId="1"/>
  </si>
  <si>
    <t>電子メールアドレス：</t>
    <rPh sb="0" eb="2">
      <t>デンシ</t>
    </rPh>
    <phoneticPr fontId="1"/>
  </si>
  <si>
    <t>（生年月日）</t>
    <rPh sb="1" eb="3">
      <t>セイネン</t>
    </rPh>
    <rPh sb="3" eb="5">
      <t>ガッピ</t>
    </rPh>
    <phoneticPr fontId="1"/>
  </si>
  <si>
    <t>年　　　月　　　日生</t>
    <phoneticPr fontId="1"/>
  </si>
  <si>
    <t>(1)</t>
    <phoneticPr fontId="1"/>
  </si>
  <si>
    <t>(2)</t>
    <phoneticPr fontId="1"/>
  </si>
  <si>
    <t>(3)</t>
    <phoneticPr fontId="1"/>
  </si>
  <si>
    <t>法人であつて、その業務を行う役員のうちに(1)(2)のいずれかに該当する者があるもの。</t>
    <phoneticPr fontId="1"/>
  </si>
  <si>
    <t>施設の所在地</t>
    <rPh sb="0" eb="2">
      <t>シセツ</t>
    </rPh>
    <rPh sb="3" eb="6">
      <t>ショザイチ</t>
    </rPh>
    <phoneticPr fontId="1"/>
  </si>
  <si>
    <t>都道府県知事等の講習会（適正と認める場合を含む）</t>
    <phoneticPr fontId="1"/>
  </si>
  <si>
    <t>講習会名称　　　　　　　　　年　　　月　　　日</t>
    <rPh sb="0" eb="3">
      <t>コウシュウカイ</t>
    </rPh>
    <rPh sb="3" eb="5">
      <t>メイショウ</t>
    </rPh>
    <rPh sb="14" eb="15">
      <t>ネン</t>
    </rPh>
    <rPh sb="18" eb="19">
      <t>ガツ</t>
    </rPh>
    <rPh sb="22" eb="23">
      <t>ヒ</t>
    </rPh>
    <phoneticPr fontId="1"/>
  </si>
  <si>
    <t>自由記載</t>
    <rPh sb="0" eb="2">
      <t>ジユウ</t>
    </rPh>
    <rPh sb="2" eb="4">
      <t>キサイ</t>
    </rPh>
    <phoneticPr fontId="1"/>
  </si>
  <si>
    <t>使用水の種類</t>
    <rPh sb="0" eb="2">
      <t>シヨウ</t>
    </rPh>
    <rPh sb="2" eb="3">
      <t>スイ</t>
    </rPh>
    <rPh sb="4" eb="6">
      <t>シュルイ</t>
    </rPh>
    <phoneticPr fontId="1"/>
  </si>
  <si>
    <t>自動車登録番号</t>
    <rPh sb="0" eb="3">
      <t>ジドウシャ</t>
    </rPh>
    <rPh sb="3" eb="5">
      <t>トウロク</t>
    </rPh>
    <rPh sb="5" eb="7">
      <t>バンゴウ</t>
    </rPh>
    <phoneticPr fontId="1"/>
  </si>
  <si>
    <t>①</t>
    <phoneticPr fontId="1"/>
  </si>
  <si>
    <t>（</t>
    <phoneticPr fontId="1"/>
  </si>
  <si>
    <t>水道水</t>
    <phoneticPr fontId="1"/>
  </si>
  <si>
    <t>専用水道</t>
    <phoneticPr fontId="1"/>
  </si>
  <si>
    <t>簡易専用水道</t>
    <phoneticPr fontId="1"/>
  </si>
  <si>
    <t>②</t>
    <phoneticPr fontId="1"/>
  </si>
  <si>
    <t>HACCPの取組</t>
    <rPh sb="6" eb="8">
      <t>トリクミ</t>
    </rPh>
    <phoneticPr fontId="1"/>
  </si>
  <si>
    <t>HACCPに基づく衛生管理</t>
    <rPh sb="6" eb="7">
      <t>モト</t>
    </rPh>
    <rPh sb="9" eb="11">
      <t>エイセイ</t>
    </rPh>
    <rPh sb="11" eb="13">
      <t>カンリ</t>
    </rPh>
    <phoneticPr fontId="1"/>
  </si>
  <si>
    <t>HACCPの考え方を取り入れた衛生管理</t>
    <rPh sb="6" eb="7">
      <t>カンガ</t>
    </rPh>
    <rPh sb="8" eb="9">
      <t>カタ</t>
    </rPh>
    <rPh sb="10" eb="11">
      <t>ト</t>
    </rPh>
    <rPh sb="12" eb="13">
      <t>イ</t>
    </rPh>
    <rPh sb="15" eb="17">
      <t>エイセイ</t>
    </rPh>
    <rPh sb="17" eb="19">
      <t>カンリ</t>
    </rPh>
    <phoneticPr fontId="1"/>
  </si>
  <si>
    <t>施設の構造及び設備を示す図面</t>
    <rPh sb="0" eb="2">
      <t>シセツ</t>
    </rPh>
    <rPh sb="3" eb="5">
      <t>コウゾウ</t>
    </rPh>
    <rPh sb="5" eb="6">
      <t>オヨ</t>
    </rPh>
    <rPh sb="7" eb="9">
      <t>セツビ</t>
    </rPh>
    <rPh sb="10" eb="11">
      <t>シメ</t>
    </rPh>
    <rPh sb="12" eb="14">
      <t>ズメン</t>
    </rPh>
    <phoneticPr fontId="1"/>
  </si>
  <si>
    <t>担当者</t>
    <rPh sb="0" eb="3">
      <t>タントウシャ</t>
    </rPh>
    <phoneticPr fontId="1"/>
  </si>
  <si>
    <t>担当者氏名</t>
    <rPh sb="0" eb="3">
      <t>タントウシャ</t>
    </rPh>
    <rPh sb="3" eb="5">
      <t>シメイ</t>
    </rPh>
    <phoneticPr fontId="1"/>
  </si>
  <si>
    <t>営　業　の　種　類</t>
    <rPh sb="0" eb="1">
      <t>エイ</t>
    </rPh>
    <rPh sb="2" eb="3">
      <t>ゴウ</t>
    </rPh>
    <rPh sb="6" eb="7">
      <t>シュ</t>
    </rPh>
    <rPh sb="8" eb="9">
      <t>タグイ</t>
    </rPh>
    <phoneticPr fontId="1"/>
  </si>
  <si>
    <t>年　　　月　　　日</t>
    <rPh sb="0" eb="1">
      <t>ネン</t>
    </rPh>
    <rPh sb="4" eb="5">
      <t>ツキ</t>
    </rPh>
    <rPh sb="8" eb="9">
      <t>ヒ</t>
    </rPh>
    <phoneticPr fontId="1"/>
  </si>
  <si>
    <t>□登記事項証明書（合併後存続する法人又は設立された法人の登記事項証明書）　　　　</t>
    <rPh sb="1" eb="3">
      <t>トウキ</t>
    </rPh>
    <rPh sb="3" eb="5">
      <t>ジコウ</t>
    </rPh>
    <rPh sb="5" eb="8">
      <t>ショウメイショ</t>
    </rPh>
    <phoneticPr fontId="1"/>
  </si>
  <si>
    <t>□登記事項証明書（分割により営業を承継した法人の登記事項証明書）　　　　</t>
    <rPh sb="1" eb="3">
      <t>トウキ</t>
    </rPh>
    <rPh sb="3" eb="5">
      <t>ジコウ</t>
    </rPh>
    <rPh sb="5" eb="8">
      <t>ショウメイショ</t>
    </rPh>
    <phoneticPr fontId="1"/>
  </si>
  <si>
    <t>法人番号：</t>
    <rPh sb="0" eb="2">
      <t>ホウジン</t>
    </rPh>
    <rPh sb="2" eb="4">
      <t>バンゴウ</t>
    </rPh>
    <phoneticPr fontId="20"/>
  </si>
  <si>
    <t>食品衛生責任者の氏名　</t>
    <rPh sb="0" eb="2">
      <t>ショクヒン</t>
    </rPh>
    <rPh sb="2" eb="4">
      <t>エイセイ</t>
    </rPh>
    <rPh sb="4" eb="7">
      <t>セキニンシャ</t>
    </rPh>
    <rPh sb="8" eb="10">
      <t>シメイ</t>
    </rPh>
    <phoneticPr fontId="1"/>
  </si>
  <si>
    <t>認定番号等</t>
    <rPh sb="0" eb="2">
      <t>ニンテイ</t>
    </rPh>
    <rPh sb="2" eb="4">
      <t>バンゴウ</t>
    </rPh>
    <rPh sb="4" eb="5">
      <t>トウ</t>
    </rPh>
    <phoneticPr fontId="1"/>
  </si>
  <si>
    <r>
      <t>食品衛生管理者の氏名　</t>
    </r>
    <r>
      <rPr>
        <sz val="8"/>
        <rFont val="ＭＳ 明朝"/>
        <family val="1"/>
        <charset val="128"/>
      </rPr>
      <t>※「食品衛生管理者選任（変更）届」も別途必要</t>
    </r>
    <rPh sb="0" eb="2">
      <t>ショクヒン</t>
    </rPh>
    <rPh sb="2" eb="4">
      <t>エイセイ</t>
    </rPh>
    <rPh sb="4" eb="6">
      <t>カンリ</t>
    </rPh>
    <rPh sb="6" eb="7">
      <t>シャ</t>
    </rPh>
    <rPh sb="8" eb="10">
      <t>シメイ</t>
    </rPh>
    <rPh sb="13" eb="15">
      <t>ショクヒン</t>
    </rPh>
    <rPh sb="15" eb="17">
      <t>エイセイ</t>
    </rPh>
    <rPh sb="17" eb="20">
      <t>カンリシャ</t>
    </rPh>
    <rPh sb="20" eb="22">
      <t>センニン</t>
    </rPh>
    <rPh sb="23" eb="25">
      <t>ヘンコウ</t>
    </rPh>
    <rPh sb="26" eb="27">
      <t>トド</t>
    </rPh>
    <rPh sb="29" eb="31">
      <t>ベット</t>
    </rPh>
    <rPh sb="31" eb="33">
      <t>ヒツヨウ</t>
    </rPh>
    <phoneticPr fontId="1"/>
  </si>
  <si>
    <t>申請者・届出者情報</t>
    <rPh sb="0" eb="3">
      <t>シンセイシャ</t>
    </rPh>
    <rPh sb="4" eb="6">
      <t>トドケデ</t>
    </rPh>
    <rPh sb="6" eb="7">
      <t>シャ</t>
    </rPh>
    <rPh sb="7" eb="9">
      <t>ジョウホウ</t>
    </rPh>
    <phoneticPr fontId="1"/>
  </si>
  <si>
    <t>主として取り扱う食品、添加物、器具又は容器包装</t>
    <rPh sb="0" eb="1">
      <t>シュ</t>
    </rPh>
    <rPh sb="4" eb="5">
      <t>ト</t>
    </rPh>
    <rPh sb="6" eb="7">
      <t>アツカ</t>
    </rPh>
    <rPh sb="8" eb="10">
      <t>ショクヒン</t>
    </rPh>
    <rPh sb="11" eb="14">
      <t>テンカブツ</t>
    </rPh>
    <rPh sb="15" eb="17">
      <t>キグ</t>
    </rPh>
    <rPh sb="17" eb="18">
      <t>マタ</t>
    </rPh>
    <rPh sb="19" eb="21">
      <t>ヨウキ</t>
    </rPh>
    <rPh sb="21" eb="23">
      <t>ホウソウ</t>
    </rPh>
    <phoneticPr fontId="1"/>
  </si>
  <si>
    <t>引き続き営業許可を受けようとする場合に限る。
ただし、複合型そうざい製造業、複合型冷凍食品製造業の場合は新規の場合を含む。</t>
    <rPh sb="0" eb="1">
      <t>ヒ</t>
    </rPh>
    <rPh sb="2" eb="3">
      <t>ツヅ</t>
    </rPh>
    <rPh sb="4" eb="6">
      <t>エイギョウ</t>
    </rPh>
    <rPh sb="6" eb="8">
      <t>キョカ</t>
    </rPh>
    <rPh sb="9" eb="10">
      <t>ウ</t>
    </rPh>
    <rPh sb="16" eb="18">
      <t>バアイ</t>
    </rPh>
    <rPh sb="19" eb="20">
      <t>カギ</t>
    </rPh>
    <rPh sb="27" eb="30">
      <t>フクゴウガタ</t>
    </rPh>
    <rPh sb="34" eb="37">
      <t>セイゾウギョウ</t>
    </rPh>
    <rPh sb="38" eb="41">
      <t>フクゴウガタ</t>
    </rPh>
    <rPh sb="41" eb="43">
      <t>レイトウ</t>
    </rPh>
    <rPh sb="43" eb="45">
      <t>ショクヒン</t>
    </rPh>
    <rPh sb="45" eb="48">
      <t>セイゾウギョウ</t>
    </rPh>
    <rPh sb="49" eb="51">
      <t>バアイ</t>
    </rPh>
    <rPh sb="52" eb="54">
      <t>シンキ</t>
    </rPh>
    <rPh sb="55" eb="57">
      <t>バアイ</t>
    </rPh>
    <rPh sb="58" eb="59">
      <t>フク</t>
    </rPh>
    <phoneticPr fontId="1"/>
  </si>
  <si>
    <t>営　業　の　形　態</t>
    <rPh sb="0" eb="1">
      <t>エイ</t>
    </rPh>
    <rPh sb="2" eb="3">
      <t>ゴウ</t>
    </rPh>
    <rPh sb="6" eb="7">
      <t>カタチ</t>
    </rPh>
    <rPh sb="8" eb="9">
      <t>タイ</t>
    </rPh>
    <phoneticPr fontId="1"/>
  </si>
  <si>
    <r>
      <t xml:space="preserve">届出者住所
</t>
    </r>
    <r>
      <rPr>
        <sz val="9"/>
        <rFont val="ＭＳ 明朝"/>
        <family val="1"/>
        <charset val="128"/>
      </rPr>
      <t>※法人にあっては、所在地</t>
    </r>
    <rPh sb="0" eb="2">
      <t>トドケデ</t>
    </rPh>
    <rPh sb="2" eb="3">
      <t>シャ</t>
    </rPh>
    <rPh sb="3" eb="5">
      <t>ジュウショ</t>
    </rPh>
    <phoneticPr fontId="1"/>
  </si>
  <si>
    <r>
      <t xml:space="preserve">届出者氏名
</t>
    </r>
    <r>
      <rPr>
        <sz val="9"/>
        <rFont val="ＭＳ 明朝"/>
        <family val="1"/>
        <charset val="128"/>
      </rPr>
      <t>※法人にあっては、
その名称及び代表者の氏名</t>
    </r>
    <rPh sb="0" eb="2">
      <t>トドケデ</t>
    </rPh>
    <rPh sb="2" eb="3">
      <t>シャ</t>
    </rPh>
    <rPh sb="3" eb="5">
      <t>シメイ</t>
    </rPh>
    <phoneticPr fontId="1"/>
  </si>
  <si>
    <t>※合成樹脂が使用された器具又は容器包装を製造する営業者を除く。</t>
    <rPh sb="1" eb="3">
      <t>ゴウセイ</t>
    </rPh>
    <rPh sb="3" eb="5">
      <t>ジュシ</t>
    </rPh>
    <rPh sb="6" eb="8">
      <t>シヨウ</t>
    </rPh>
    <rPh sb="11" eb="13">
      <t>キグ</t>
    </rPh>
    <rPh sb="13" eb="14">
      <t>マタ</t>
    </rPh>
    <rPh sb="15" eb="17">
      <t>ヨウキ</t>
    </rPh>
    <rPh sb="17" eb="19">
      <t>ホウソウ</t>
    </rPh>
    <rPh sb="20" eb="22">
      <t>セイゾウ</t>
    </rPh>
    <rPh sb="24" eb="27">
      <t>エイギョウシャ</t>
    </rPh>
    <rPh sb="28" eb="29">
      <t>ノゾ</t>
    </rPh>
    <phoneticPr fontId="24"/>
  </si>
  <si>
    <t>※自動車において調理をする営業の場合</t>
    <rPh sb="1" eb="4">
      <t>ジドウシャ</t>
    </rPh>
    <rPh sb="8" eb="10">
      <t>チョウリ</t>
    </rPh>
    <rPh sb="13" eb="15">
      <t>エイギョウ</t>
    </rPh>
    <rPh sb="16" eb="18">
      <t>バアイ</t>
    </rPh>
    <phoneticPr fontId="24"/>
  </si>
  <si>
    <t>令第13条に規定する食品又は添加物の別</t>
    <rPh sb="0" eb="1">
      <t>レイ</t>
    </rPh>
    <rPh sb="1" eb="2">
      <t>ダイ</t>
    </rPh>
    <rPh sb="4" eb="5">
      <t>ジョウ</t>
    </rPh>
    <rPh sb="6" eb="8">
      <t>キテイ</t>
    </rPh>
    <rPh sb="10" eb="12">
      <t>ショクヒン</t>
    </rPh>
    <rPh sb="12" eb="13">
      <t>マタ</t>
    </rPh>
    <rPh sb="14" eb="17">
      <t>テンカブツ</t>
    </rPh>
    <rPh sb="18" eb="19">
      <t>ベツ</t>
    </rPh>
    <phoneticPr fontId="24"/>
  </si>
  <si>
    <t>①全粉乳（容量が1,400グラム以下である缶に収められたもの）</t>
    <rPh sb="1" eb="2">
      <t>ゼン</t>
    </rPh>
    <rPh sb="2" eb="4">
      <t>フンニュウ</t>
    </rPh>
    <rPh sb="5" eb="7">
      <t>ヨウリョウ</t>
    </rPh>
    <rPh sb="16" eb="18">
      <t>イカ</t>
    </rPh>
    <rPh sb="21" eb="22">
      <t>カン</t>
    </rPh>
    <rPh sb="23" eb="24">
      <t>オサ</t>
    </rPh>
    <phoneticPr fontId="24"/>
  </si>
  <si>
    <t>②加糖粉乳</t>
    <rPh sb="1" eb="3">
      <t>カトウ</t>
    </rPh>
    <rPh sb="3" eb="5">
      <t>フンニュウ</t>
    </rPh>
    <phoneticPr fontId="24"/>
  </si>
  <si>
    <t>③調製粉乳</t>
    <rPh sb="1" eb="3">
      <t>チョウセイ</t>
    </rPh>
    <rPh sb="3" eb="5">
      <t>フンニュウ</t>
    </rPh>
    <phoneticPr fontId="24"/>
  </si>
  <si>
    <t>④食肉製品</t>
    <rPh sb="1" eb="3">
      <t>ショクニク</t>
    </rPh>
    <rPh sb="3" eb="5">
      <t>セイヒン</t>
    </rPh>
    <phoneticPr fontId="24"/>
  </si>
  <si>
    <t>⑤魚肉ハム</t>
    <rPh sb="1" eb="3">
      <t>ギョニク</t>
    </rPh>
    <phoneticPr fontId="24"/>
  </si>
  <si>
    <t>⑥魚肉ソーセージ</t>
    <rPh sb="1" eb="3">
      <t>ギョニク</t>
    </rPh>
    <phoneticPr fontId="24"/>
  </si>
  <si>
    <t>⑦放射線照射食品</t>
    <rPh sb="1" eb="4">
      <t>ホウシャセン</t>
    </rPh>
    <rPh sb="4" eb="6">
      <t>ショウシャ</t>
    </rPh>
    <rPh sb="6" eb="8">
      <t>ショクヒン</t>
    </rPh>
    <phoneticPr fontId="24"/>
  </si>
  <si>
    <t>⑧食用油脂（脱色又は脱臭の過程を経て製造されるもの）</t>
    <rPh sb="1" eb="3">
      <t>ショクヨウ</t>
    </rPh>
    <rPh sb="3" eb="5">
      <t>ユシ</t>
    </rPh>
    <rPh sb="6" eb="8">
      <t>ダッショク</t>
    </rPh>
    <rPh sb="8" eb="9">
      <t>マタ</t>
    </rPh>
    <rPh sb="10" eb="12">
      <t>ダッシュウ</t>
    </rPh>
    <rPh sb="13" eb="15">
      <t>カテイ</t>
    </rPh>
    <rPh sb="16" eb="17">
      <t>ヘ</t>
    </rPh>
    <rPh sb="18" eb="20">
      <t>セイゾウ</t>
    </rPh>
    <phoneticPr fontId="24"/>
  </si>
  <si>
    <t>⑨マーガリン</t>
    <phoneticPr fontId="24"/>
  </si>
  <si>
    <t>⑩ショートニング</t>
    <phoneticPr fontId="24"/>
  </si>
  <si>
    <r>
      <t>申請者・届出者住所　</t>
    </r>
    <r>
      <rPr>
        <sz val="9"/>
        <color theme="1"/>
        <rFont val="ＭＳ 明朝"/>
        <family val="1"/>
        <charset val="128"/>
      </rPr>
      <t>※法人にあっては、所在地</t>
    </r>
    <rPh sb="0" eb="3">
      <t>シンセイシャ</t>
    </rPh>
    <rPh sb="4" eb="6">
      <t>トドケデ</t>
    </rPh>
    <rPh sb="6" eb="7">
      <t>シャ</t>
    </rPh>
    <rPh sb="7" eb="9">
      <t>ジュウショ</t>
    </rPh>
    <phoneticPr fontId="1"/>
  </si>
  <si>
    <r>
      <t>申請者・届出者氏名　</t>
    </r>
    <r>
      <rPr>
        <sz val="9"/>
        <color theme="1"/>
        <rFont val="ＭＳ 明朝"/>
        <family val="1"/>
        <charset val="128"/>
      </rPr>
      <t>※法人にあっては、その名称及び代表者の氏名</t>
    </r>
    <rPh sb="0" eb="3">
      <t>シンセイシャ</t>
    </rPh>
    <rPh sb="7" eb="9">
      <t>シメイ</t>
    </rPh>
    <rPh sb="11" eb="13">
      <t>ホウジン</t>
    </rPh>
    <rPh sb="21" eb="23">
      <t>メイショウ</t>
    </rPh>
    <rPh sb="23" eb="24">
      <t>オヨ</t>
    </rPh>
    <rPh sb="25" eb="28">
      <t>ダイヒョウシャ</t>
    </rPh>
    <rPh sb="29" eb="31">
      <t>シメイ</t>
    </rPh>
    <phoneticPr fontId="1"/>
  </si>
  <si>
    <t>施設の名称、屋号又は商号</t>
    <rPh sb="8" eb="9">
      <t>マタ</t>
    </rPh>
    <phoneticPr fontId="1"/>
  </si>
  <si>
    <t>分割前の法人の所在地</t>
    <phoneticPr fontId="1"/>
  </si>
  <si>
    <t>申請者・届出者情報</t>
    <phoneticPr fontId="59"/>
  </si>
  <si>
    <t>営業施設情報</t>
    <phoneticPr fontId="59"/>
  </si>
  <si>
    <t>□①全粉乳（容量が1,400グラム以下である缶に収められたもの）</t>
    <rPh sb="2" eb="3">
      <t>ゼン</t>
    </rPh>
    <rPh sb="3" eb="5">
      <t>フンニュウ</t>
    </rPh>
    <rPh sb="6" eb="8">
      <t>ヨウリョウ</t>
    </rPh>
    <rPh sb="17" eb="19">
      <t>イカ</t>
    </rPh>
    <rPh sb="22" eb="23">
      <t>カン</t>
    </rPh>
    <rPh sb="24" eb="25">
      <t>オサ</t>
    </rPh>
    <phoneticPr fontId="24"/>
  </si>
  <si>
    <t>□②加糖粉乳</t>
    <rPh sb="2" eb="4">
      <t>カトウ</t>
    </rPh>
    <rPh sb="4" eb="6">
      <t>フンニュウ</t>
    </rPh>
    <phoneticPr fontId="24"/>
  </si>
  <si>
    <t>□③調製粉乳</t>
    <rPh sb="2" eb="4">
      <t>チョウセイ</t>
    </rPh>
    <rPh sb="4" eb="6">
      <t>フンニュウ</t>
    </rPh>
    <phoneticPr fontId="24"/>
  </si>
  <si>
    <t>□④食肉製品</t>
    <rPh sb="2" eb="4">
      <t>ショクニク</t>
    </rPh>
    <rPh sb="4" eb="6">
      <t>セイヒン</t>
    </rPh>
    <phoneticPr fontId="24"/>
  </si>
  <si>
    <t>□⑤魚肉ハム</t>
    <rPh sb="2" eb="4">
      <t>ギョニク</t>
    </rPh>
    <phoneticPr fontId="24"/>
  </si>
  <si>
    <t>□⑥魚肉ソーセージ</t>
    <rPh sb="2" eb="4">
      <t>ギョニク</t>
    </rPh>
    <phoneticPr fontId="24"/>
  </si>
  <si>
    <t>□⑦放射線照射食品</t>
    <rPh sb="2" eb="5">
      <t>ホウシャセン</t>
    </rPh>
    <rPh sb="5" eb="7">
      <t>ショウシャ</t>
    </rPh>
    <rPh sb="7" eb="9">
      <t>ショクヒン</t>
    </rPh>
    <phoneticPr fontId="24"/>
  </si>
  <si>
    <t>□⑧食用油脂（脱色又は脱臭の過程を経て製造されるもの）</t>
    <rPh sb="2" eb="4">
      <t>ショクヨウ</t>
    </rPh>
    <rPh sb="4" eb="6">
      <t>ユシ</t>
    </rPh>
    <rPh sb="7" eb="9">
      <t>ダッショク</t>
    </rPh>
    <rPh sb="9" eb="10">
      <t>マタ</t>
    </rPh>
    <rPh sb="11" eb="13">
      <t>ダッシュウ</t>
    </rPh>
    <rPh sb="14" eb="16">
      <t>カテイ</t>
    </rPh>
    <rPh sb="17" eb="18">
      <t>ヘ</t>
    </rPh>
    <rPh sb="19" eb="21">
      <t>セイゾウ</t>
    </rPh>
    <phoneticPr fontId="24"/>
  </si>
  <si>
    <t>□⑨マーガリン</t>
    <phoneticPr fontId="24"/>
  </si>
  <si>
    <t>□⑩ショートニング</t>
    <phoneticPr fontId="24"/>
  </si>
  <si>
    <t>生食用食肉の加工又は調理を行う施設</t>
    <phoneticPr fontId="1"/>
  </si>
  <si>
    <t>食品衛生法施行規則（第71条）の規定に基づき次のとおり関係書類を提出します。</t>
    <phoneticPr fontId="59"/>
  </si>
  <si>
    <t>営業許可申請書・営業届（変更）</t>
    <rPh sb="0" eb="2">
      <t>エイギョウ</t>
    </rPh>
    <rPh sb="2" eb="4">
      <t>キョカ</t>
    </rPh>
    <rPh sb="4" eb="7">
      <t>シンセイショ</t>
    </rPh>
    <rPh sb="8" eb="10">
      <t>エイギョウ</t>
    </rPh>
    <rPh sb="10" eb="11">
      <t>トド</t>
    </rPh>
    <rPh sb="12" eb="14">
      <t>ヘンコウ</t>
    </rPh>
    <phoneticPr fontId="1"/>
  </si>
  <si>
    <t>【表面（白抜き箇所）：許可・届出共通】</t>
    <rPh sb="1" eb="2">
      <t>オモテ</t>
    </rPh>
    <rPh sb="2" eb="3">
      <t>メン</t>
    </rPh>
    <rPh sb="4" eb="6">
      <t>シロヌ</t>
    </rPh>
    <rPh sb="7" eb="9">
      <t>カショ</t>
    </rPh>
    <rPh sb="11" eb="13">
      <t>キョカ</t>
    </rPh>
    <rPh sb="14" eb="16">
      <t>トドケデ</t>
    </rPh>
    <rPh sb="16" eb="18">
      <t>キョウツウ</t>
    </rPh>
    <phoneticPr fontId="1"/>
  </si>
  <si>
    <t>食品衛生法施行規則（第71条の２）の規定に基づき次のとおり関係書類を提出します。</t>
    <phoneticPr fontId="59"/>
  </si>
  <si>
    <t>営業許可申請書・営業届（廃業）</t>
    <rPh sb="0" eb="2">
      <t>エイギョウ</t>
    </rPh>
    <rPh sb="2" eb="4">
      <t>キョカ</t>
    </rPh>
    <rPh sb="4" eb="7">
      <t>シンセイショ</t>
    </rPh>
    <rPh sb="8" eb="10">
      <t>エイギョウ</t>
    </rPh>
    <rPh sb="10" eb="11">
      <t>トド</t>
    </rPh>
    <rPh sb="12" eb="14">
      <t>ハイギョウ</t>
    </rPh>
    <phoneticPr fontId="1"/>
  </si>
  <si>
    <t>飲食店のうち簡易飲食店営業の施設</t>
    <rPh sb="0" eb="3">
      <t>インショクテン</t>
    </rPh>
    <rPh sb="6" eb="8">
      <t>カンイ</t>
    </rPh>
    <rPh sb="8" eb="10">
      <t>インショク</t>
    </rPh>
    <rPh sb="10" eb="11">
      <t>テン</t>
    </rPh>
    <rPh sb="11" eb="13">
      <t>エイギョウ</t>
    </rPh>
    <rPh sb="14" eb="16">
      <t>シセツ</t>
    </rPh>
    <phoneticPr fontId="1"/>
  </si>
  <si>
    <t>指定成分等含有食品を取り扱う施設</t>
    <phoneticPr fontId="1"/>
  </si>
  <si>
    <t>指定成分等含有食品を取り扱う施設</t>
    <phoneticPr fontId="1"/>
  </si>
  <si>
    <r>
      <t>ふぐ処理者氏名　</t>
    </r>
    <r>
      <rPr>
        <sz val="9"/>
        <rFont val="ＭＳ 明朝"/>
        <family val="1"/>
        <charset val="128"/>
      </rPr>
      <t>※ふぐ処理する営業の場合</t>
    </r>
    <rPh sb="2" eb="4">
      <t>ショリ</t>
    </rPh>
    <rPh sb="4" eb="5">
      <t>シャ</t>
    </rPh>
    <rPh sb="5" eb="7">
      <t>シメイ</t>
    </rPh>
    <rPh sb="11" eb="13">
      <t>ショリ</t>
    </rPh>
    <rPh sb="15" eb="17">
      <t>エイギョウ</t>
    </rPh>
    <rPh sb="18" eb="20">
      <t>バアイ</t>
    </rPh>
    <phoneticPr fontId="1"/>
  </si>
  <si>
    <t>（飲用に適する水使用の場合）水質検査の結果</t>
    <rPh sb="1" eb="3">
      <t>インヨウ</t>
    </rPh>
    <rPh sb="4" eb="5">
      <t>テキ</t>
    </rPh>
    <rPh sb="7" eb="8">
      <t>スイ</t>
    </rPh>
    <rPh sb="8" eb="10">
      <t>シヨウ</t>
    </rPh>
    <rPh sb="11" eb="13">
      <t>バアイ</t>
    </rPh>
    <rPh sb="14" eb="16">
      <t>スイシツ</t>
    </rPh>
    <rPh sb="16" eb="18">
      <t>ケンサ</t>
    </rPh>
    <rPh sb="19" eb="21">
      <t>ケッカ</t>
    </rPh>
    <phoneticPr fontId="1"/>
  </si>
  <si>
    <t>分割前の法人</t>
    <rPh sb="2" eb="3">
      <t>マエ</t>
    </rPh>
    <rPh sb="4" eb="6">
      <t>ホウジン</t>
    </rPh>
    <phoneticPr fontId="1"/>
  </si>
  <si>
    <r>
      <t xml:space="preserve">整理番号：
</t>
    </r>
    <r>
      <rPr>
        <sz val="8"/>
        <rFont val="ＭＳ 明朝"/>
        <family val="1"/>
        <charset val="128"/>
      </rPr>
      <t>※届出者による記載は不要です。</t>
    </r>
    <rPh sb="0" eb="2">
      <t>セイリ</t>
    </rPh>
    <rPh sb="2" eb="4">
      <t>バンゴウ</t>
    </rPh>
    <rPh sb="7" eb="9">
      <t>トドケデ</t>
    </rPh>
    <rPh sb="9" eb="10">
      <t>シャ</t>
    </rPh>
    <rPh sb="13" eb="15">
      <t>キサイ</t>
    </rPh>
    <rPh sb="16" eb="18">
      <t>フヨウ</t>
    </rPh>
    <phoneticPr fontId="1"/>
  </si>
  <si>
    <t>被相続人との続柄</t>
  </si>
  <si>
    <t>※合成樹脂が使用された器具又は容器包装を製造する営業者を除く。</t>
    <rPh sb="1" eb="3">
      <t>ゴウセイ</t>
    </rPh>
    <rPh sb="3" eb="5">
      <t>ジュシ</t>
    </rPh>
    <rPh sb="6" eb="8">
      <t>シヨウ</t>
    </rPh>
    <rPh sb="11" eb="13">
      <t>キグ</t>
    </rPh>
    <rPh sb="13" eb="14">
      <t>マタ</t>
    </rPh>
    <rPh sb="15" eb="17">
      <t>ヨウキ</t>
    </rPh>
    <rPh sb="17" eb="19">
      <t>ホウソウ</t>
    </rPh>
    <rPh sb="20" eb="22">
      <t>セイゾウ</t>
    </rPh>
    <rPh sb="24" eb="27">
      <t>エイギョウシャ</t>
    </rPh>
    <rPh sb="28" eb="29">
      <t>ノゾ</t>
    </rPh>
    <phoneticPr fontId="1"/>
  </si>
  <si>
    <t>令第13条に規定する食品又は添加物の別</t>
    <rPh sb="0" eb="1">
      <t>レイ</t>
    </rPh>
    <rPh sb="1" eb="2">
      <t>ダイ</t>
    </rPh>
    <rPh sb="4" eb="5">
      <t>ジョウ</t>
    </rPh>
    <rPh sb="6" eb="8">
      <t>キテイ</t>
    </rPh>
    <rPh sb="10" eb="12">
      <t>ショクヒン</t>
    </rPh>
    <rPh sb="12" eb="13">
      <t>マタ</t>
    </rPh>
    <rPh sb="14" eb="17">
      <t>テンカブツ</t>
    </rPh>
    <rPh sb="18" eb="19">
      <t>ベツ</t>
    </rPh>
    <phoneticPr fontId="1"/>
  </si>
  <si>
    <t>□①全粉乳（容量が1,400グラム以下である缶に収められたもの）</t>
    <rPh sb="2" eb="3">
      <t>ゼン</t>
    </rPh>
    <rPh sb="3" eb="5">
      <t>フンニュウ</t>
    </rPh>
    <rPh sb="6" eb="8">
      <t>ヨウリョウ</t>
    </rPh>
    <rPh sb="17" eb="19">
      <t>イカ</t>
    </rPh>
    <rPh sb="22" eb="23">
      <t>カン</t>
    </rPh>
    <rPh sb="24" eb="25">
      <t>オサ</t>
    </rPh>
    <phoneticPr fontId="1"/>
  </si>
  <si>
    <t>□②加糖粉乳</t>
    <rPh sb="2" eb="4">
      <t>カトウ</t>
    </rPh>
    <rPh sb="4" eb="6">
      <t>フンニュウ</t>
    </rPh>
    <phoneticPr fontId="1"/>
  </si>
  <si>
    <t>□⑤魚肉ハム</t>
    <rPh sb="2" eb="4">
      <t>ギョニク</t>
    </rPh>
    <phoneticPr fontId="1"/>
  </si>
  <si>
    <t>□⑧食用油脂（脱色又は脱臭の過程を経て製造されるもの）</t>
    <rPh sb="2" eb="4">
      <t>ショクヨウ</t>
    </rPh>
    <rPh sb="4" eb="6">
      <t>ユシ</t>
    </rPh>
    <rPh sb="7" eb="9">
      <t>ダッショク</t>
    </rPh>
    <rPh sb="9" eb="10">
      <t>マタ</t>
    </rPh>
    <rPh sb="11" eb="13">
      <t>ダッシュウ</t>
    </rPh>
    <rPh sb="14" eb="16">
      <t>カテイ</t>
    </rPh>
    <rPh sb="17" eb="18">
      <t>ヘ</t>
    </rPh>
    <rPh sb="19" eb="21">
      <t>セイゾウ</t>
    </rPh>
    <phoneticPr fontId="1"/>
  </si>
  <si>
    <t>□③調製粉乳</t>
    <rPh sb="2" eb="4">
      <t>チョウセイ</t>
    </rPh>
    <rPh sb="4" eb="6">
      <t>フンニュウ</t>
    </rPh>
    <phoneticPr fontId="1"/>
  </si>
  <si>
    <t>□⑥魚肉ソーセージ</t>
    <rPh sb="2" eb="4">
      <t>ギョニク</t>
    </rPh>
    <phoneticPr fontId="1"/>
  </si>
  <si>
    <t>□④食肉製品</t>
    <rPh sb="2" eb="4">
      <t>ショクニク</t>
    </rPh>
    <rPh sb="4" eb="6">
      <t>セイヒン</t>
    </rPh>
    <phoneticPr fontId="1"/>
  </si>
  <si>
    <t>□⑦放射線照射食品</t>
    <rPh sb="2" eb="5">
      <t>ホウシャセン</t>
    </rPh>
    <rPh sb="5" eb="7">
      <t>ショウシャ</t>
    </rPh>
    <rPh sb="7" eb="9">
      <t>ショクヒン</t>
    </rPh>
    <phoneticPr fontId="1"/>
  </si>
  <si>
    <t>※自動車において調理をする営業の場合</t>
    <rPh sb="1" eb="4">
      <t>ジドウシャ</t>
    </rPh>
    <rPh sb="8" eb="10">
      <t>チョウリ</t>
    </rPh>
    <rPh sb="13" eb="15">
      <t>エイギョウ</t>
    </rPh>
    <rPh sb="16" eb="18">
      <t>バアイ</t>
    </rPh>
    <phoneticPr fontId="1"/>
  </si>
  <si>
    <t>地位を承継する者の情報</t>
    <phoneticPr fontId="1"/>
  </si>
  <si>
    <r>
      <t>届出者住所　</t>
    </r>
    <r>
      <rPr>
        <sz val="9"/>
        <color theme="1"/>
        <rFont val="ＭＳ 明朝"/>
        <family val="1"/>
        <charset val="128"/>
      </rPr>
      <t>※法人にあっては、所在地</t>
    </r>
    <rPh sb="0" eb="2">
      <t>トドケデ</t>
    </rPh>
    <rPh sb="2" eb="3">
      <t>シャ</t>
    </rPh>
    <rPh sb="3" eb="5">
      <t>ジュウショ</t>
    </rPh>
    <phoneticPr fontId="1"/>
  </si>
  <si>
    <r>
      <t>届出者氏名　</t>
    </r>
    <r>
      <rPr>
        <sz val="9"/>
        <color theme="1"/>
        <rFont val="ＭＳ 明朝"/>
        <family val="1"/>
        <charset val="128"/>
      </rPr>
      <t>※法人にあっては、その名称及び代表者の氏名</t>
    </r>
    <rPh sb="0" eb="2">
      <t>トドケデ</t>
    </rPh>
    <rPh sb="2" eb="3">
      <t>シャ</t>
    </rPh>
    <rPh sb="3" eb="5">
      <t>シメイ</t>
    </rPh>
    <rPh sb="7" eb="9">
      <t>ホウジン</t>
    </rPh>
    <rPh sb="17" eb="19">
      <t>メイショウ</t>
    </rPh>
    <rPh sb="19" eb="20">
      <t>オヨ</t>
    </rPh>
    <rPh sb="21" eb="24">
      <t>ダイヒョウシャ</t>
    </rPh>
    <rPh sb="25" eb="27">
      <t>シメイ</t>
    </rPh>
    <phoneticPr fontId="1"/>
  </si>
  <si>
    <t>合併により消滅した法人の所在地</t>
    <phoneticPr fontId="1"/>
  </si>
  <si>
    <t>分割前の法人の名称及び代表者の氏名</t>
    <phoneticPr fontId="1"/>
  </si>
  <si>
    <t>施設の名称、屋号、商号</t>
    <phoneticPr fontId="1"/>
  </si>
  <si>
    <t>備考</t>
    <phoneticPr fontId="1"/>
  </si>
  <si>
    <r>
      <t>※変更がある項目については、項目名を</t>
    </r>
    <r>
      <rPr>
        <b/>
        <sz val="12"/>
        <color theme="1"/>
        <rFont val="ＭＳ 明朝"/>
        <family val="1"/>
        <charset val="128"/>
      </rPr>
      <t>○</t>
    </r>
    <r>
      <rPr>
        <sz val="12"/>
        <color theme="1"/>
        <rFont val="ＭＳ 明朝"/>
        <family val="1"/>
        <charset val="128"/>
      </rPr>
      <t>で囲んでください。</t>
    </r>
    <rPh sb="1" eb="3">
      <t>ヘンコウ</t>
    </rPh>
    <rPh sb="6" eb="8">
      <t>コウモク</t>
    </rPh>
    <rPh sb="14" eb="17">
      <t>コウモクメイ</t>
    </rPh>
    <rPh sb="20" eb="21">
      <t>カコ</t>
    </rPh>
    <phoneticPr fontId="59"/>
  </si>
  <si>
    <t>該当には☑</t>
    <rPh sb="0" eb="2">
      <t>ガイトウ</t>
    </rPh>
    <phoneticPr fontId="1"/>
  </si>
  <si>
    <t>生年月日　　　　　　年　　　月　　　日生</t>
    <rPh sb="0" eb="2">
      <t>セイネン</t>
    </rPh>
    <rPh sb="2" eb="4">
      <t>ガッピ</t>
    </rPh>
    <phoneticPr fontId="1"/>
  </si>
  <si>
    <t xml:space="preserve">※申請者、届出者による記載は不要です。
</t>
    <rPh sb="1" eb="4">
      <t>シンセイシャ</t>
    </rPh>
    <rPh sb="5" eb="7">
      <t>トドケデ</t>
    </rPh>
    <rPh sb="7" eb="8">
      <t>シャ</t>
    </rPh>
    <rPh sb="11" eb="13">
      <t>キサイ</t>
    </rPh>
    <rPh sb="14" eb="16">
      <t>フヨウ</t>
    </rPh>
    <phoneticPr fontId="1"/>
  </si>
  <si>
    <t>輸出食品取扱施設
※この申請等の情報は、国の事務に必要な限度において、輸出時の要件確認等のために使用します。</t>
    <rPh sb="0" eb="2">
      <t>ユシュツ</t>
    </rPh>
    <rPh sb="2" eb="4">
      <t>ショクヒン</t>
    </rPh>
    <rPh sb="4" eb="6">
      <t>トリアツカ</t>
    </rPh>
    <rPh sb="6" eb="8">
      <t>シセツ</t>
    </rPh>
    <phoneticPr fontId="1"/>
  </si>
  <si>
    <t>輸出食品取扱施設
※この申請等の情報は、国の事務に必要な限度において、輸出時の要件確認等のために使用します。</t>
    <rPh sb="0" eb="2">
      <t>ユシュツ</t>
    </rPh>
    <rPh sb="2" eb="4">
      <t>ショクヒン</t>
    </rPh>
    <rPh sb="4" eb="6">
      <t>トリアツカイ</t>
    </rPh>
    <rPh sb="6" eb="8">
      <t>シセツ</t>
    </rPh>
    <rPh sb="12" eb="14">
      <t>シンセイ</t>
    </rPh>
    <rPh sb="14" eb="15">
      <t>トウ</t>
    </rPh>
    <rPh sb="16" eb="18">
      <t>ジョウホウ</t>
    </rPh>
    <rPh sb="20" eb="21">
      <t>クニ</t>
    </rPh>
    <rPh sb="22" eb="24">
      <t>ジム</t>
    </rPh>
    <rPh sb="25" eb="27">
      <t>ヒツヨウ</t>
    </rPh>
    <rPh sb="28" eb="30">
      <t>ゲンド</t>
    </rPh>
    <rPh sb="35" eb="37">
      <t>ユシュツ</t>
    </rPh>
    <rPh sb="37" eb="38">
      <t>ジ</t>
    </rPh>
    <rPh sb="39" eb="41">
      <t>ヨウケン</t>
    </rPh>
    <rPh sb="41" eb="43">
      <t>カクニン</t>
    </rPh>
    <rPh sb="43" eb="44">
      <t>トウ</t>
    </rPh>
    <rPh sb="48" eb="50">
      <t>シヨウ</t>
    </rPh>
    <phoneticPr fontId="1"/>
  </si>
  <si>
    <t>※</t>
    <phoneticPr fontId="59"/>
  </si>
  <si>
    <t>承継する施設が輸出食品取扱施設の場合、申請等の情報は、国の事務に必要な限度において、輸出時の要件確認等のために使用します。</t>
    <rPh sb="0" eb="2">
      <t>ショウケイ</t>
    </rPh>
    <rPh sb="4" eb="6">
      <t>シセツ</t>
    </rPh>
    <rPh sb="7" eb="9">
      <t>ユシュツ</t>
    </rPh>
    <rPh sb="9" eb="11">
      <t>ショクヒン</t>
    </rPh>
    <rPh sb="11" eb="13">
      <t>トリアツカイ</t>
    </rPh>
    <rPh sb="13" eb="15">
      <t>シセツ</t>
    </rPh>
    <rPh sb="16" eb="18">
      <t>バアイ</t>
    </rPh>
    <rPh sb="19" eb="22">
      <t>シンセイトウ</t>
    </rPh>
    <rPh sb="23" eb="25">
      <t>ジョウホウ</t>
    </rPh>
    <rPh sb="27" eb="28">
      <t>クニ</t>
    </rPh>
    <rPh sb="29" eb="31">
      <t>ジム</t>
    </rPh>
    <rPh sb="32" eb="34">
      <t>ヒツヨウ</t>
    </rPh>
    <rPh sb="35" eb="37">
      <t>ゲンド</t>
    </rPh>
    <rPh sb="42" eb="45">
      <t>ユシュツジ</t>
    </rPh>
    <rPh sb="46" eb="48">
      <t>ヨウケン</t>
    </rPh>
    <rPh sb="48" eb="50">
      <t>カクニン</t>
    </rPh>
    <rPh sb="50" eb="51">
      <t>トウ</t>
    </rPh>
    <rPh sb="55" eb="57">
      <t>シヨウ</t>
    </rPh>
    <phoneticPr fontId="59"/>
  </si>
  <si>
    <t>年　　　月　　　日</t>
  </si>
  <si>
    <t xml:space="preserve">※申請者、届出者による記載は不要です。
</t>
    <phoneticPr fontId="1"/>
  </si>
  <si>
    <t>　　　　　　営業許可申請書・営業届（新規、継続）</t>
    <rPh sb="6" eb="8">
      <t>エイギョウ</t>
    </rPh>
    <rPh sb="8" eb="10">
      <t>キョカ</t>
    </rPh>
    <rPh sb="10" eb="13">
      <t>シンセイショ</t>
    </rPh>
    <rPh sb="14" eb="16">
      <t>エイギョウ</t>
    </rPh>
    <rPh sb="16" eb="17">
      <t>トド</t>
    </rPh>
    <phoneticPr fontId="1"/>
  </si>
  <si>
    <t>食品衛生法又は同法に基づく処分に違反して刑に処せられ、その執行を終わり、又は執行を受けることがなくなった日から起算して2年を経過していないこと。</t>
    <phoneticPr fontId="1"/>
  </si>
  <si>
    <t>□⑨マーガリン</t>
    <phoneticPr fontId="1"/>
  </si>
  <si>
    <t>□⑪添加物（法第13条第１項の規定により規格が定められたもの）</t>
    <rPh sb="2" eb="5">
      <t>テンカブツ</t>
    </rPh>
    <rPh sb="6" eb="7">
      <t>ホウ</t>
    </rPh>
    <rPh sb="7" eb="8">
      <t>ダイ</t>
    </rPh>
    <rPh sb="10" eb="11">
      <t>ジョウ</t>
    </rPh>
    <rPh sb="11" eb="12">
      <t>ダイ</t>
    </rPh>
    <rPh sb="13" eb="14">
      <t>コウ</t>
    </rPh>
    <rPh sb="15" eb="17">
      <t>キテイ</t>
    </rPh>
    <rPh sb="20" eb="22">
      <t>キカク</t>
    </rPh>
    <rPh sb="23" eb="24">
      <t>サダ</t>
    </rPh>
    <phoneticPr fontId="1"/>
  </si>
  <si>
    <t>□⑩ショートニング</t>
    <phoneticPr fontId="1"/>
  </si>
  <si>
    <t xml:space="preserve">年　　　月　　　日   </t>
    <rPh sb="0" eb="1">
      <t>ネン</t>
    </rPh>
    <rPh sb="4" eb="5">
      <t>ツキ</t>
    </rPh>
    <rPh sb="8" eb="9">
      <t>ヒ</t>
    </rPh>
    <phoneticPr fontId="1"/>
  </si>
  <si>
    <t>合併により消滅した法人</t>
    <rPh sb="0" eb="2">
      <t>ガッペイ</t>
    </rPh>
    <rPh sb="5" eb="7">
      <t>ショウメツ</t>
    </rPh>
    <rPh sb="9" eb="11">
      <t>ホウジン</t>
    </rPh>
    <phoneticPr fontId="1"/>
  </si>
  <si>
    <t>合併年月日</t>
    <phoneticPr fontId="1"/>
  </si>
  <si>
    <t>【裏面（灰色箇所）：許可のみ】</t>
    <rPh sb="1" eb="3">
      <t>ウラメン</t>
    </rPh>
    <rPh sb="4" eb="6">
      <t>ハイイロ</t>
    </rPh>
    <rPh sb="6" eb="8">
      <t>カショ</t>
    </rPh>
    <phoneticPr fontId="59"/>
  </si>
  <si>
    <t xml:space="preserve">   ※以上の情報を「食品衛生申請等システム」(厚生労働省が管理する台帳システム)に登録することに同意します。(チェック欄　□)
   ※以上の情報は「官民データ活用推進基本法」の目的に沿って、原則オープンデータとして公開します。
　    次の項目のうちオープンデータとして公開することに不都合がある項目の□にチェックを入れてください。
 　①申請者氏名　□　　②申請者住所　□　　③営業施設名称、屋号又は商号　□　　④営業施設所在地　□　　⑤営業施設連絡先　□</t>
    <phoneticPr fontId="59"/>
  </si>
  <si>
    <t xml:space="preserve">   ※以上の情報を「食品衛生申請等システム」(厚生労働省が管理する台帳システム)に登録することに同意します。(チェック欄　□)
   ※以上の情報は「官民データ活用推進基本法」の目的に沿って、原則オープンデータとして公開します。
　    次の項目のうちオープンデータとして公開することに不都合がある項目の□にチェックを入れてください。
　   ①申請者氏名　□　　②申請者住所　□　　③営業施設名称、屋号又は商号　□　　④営業施設所在地　□　　⑤営業施設連絡先　□</t>
    <phoneticPr fontId="59"/>
  </si>
  <si>
    <t xml:space="preserve">   ※以上の情報を「食品衛生申請等システム」(厚生労働省が管理する台帳システム)に登録することに同意します。(チェック欄　□)
   ※以上の情報は「官民データ活用推進基本法」の目的に沿って、原則オープンデータとして公開します。
　    次の項目のうちオープンデータとして公開することに不都合がある項目の□にチェックを入れてください。
　  ①申請者氏名　□　　②申請者住所　□　　③営業施設名称、屋号又は商号　□　　④営業施設所在地　□　　⑤営業施設連絡先　□</t>
    <phoneticPr fontId="59"/>
  </si>
  <si>
    <t xml:space="preserve">    ※以上の情報を「食品衛生申請等システム」(厚生労働省が管理する台帳システム)に登録することに同意します。(チェック欄　□)
    ※以上の情報は「官民データ活用推進基本法」の目的に沿って、原則オープンデータとして公開します。
　    次の項目のうちオープンデータとして公開することに不都合がある項目の□にチェックを入れてください。
　   ①申請者氏名　□　　②申請者住所　□　　③営業施設名称、屋号又は商号　□　　④営業施設所在地　□　　⑤営業施設連絡先　□</t>
    <phoneticPr fontId="59"/>
  </si>
  <si>
    <r>
      <t>　下記のとおり、食品衛生管理者を選任（変更）したので、食品衛生法第48条第８項の規定により届け出ます。</t>
    </r>
    <r>
      <rPr>
        <sz val="10"/>
        <rFont val="ＭＳ 明朝"/>
        <family val="1"/>
        <charset val="128"/>
      </rPr>
      <t>（※営業許可申請書・営業届に添付する場合であって、内容が重複する項目（灰色の項目）は記載を省略することができます。）　　</t>
    </r>
    <rPh sb="1" eb="3">
      <t>カキ</t>
    </rPh>
    <rPh sb="8" eb="10">
      <t>ショクヒン</t>
    </rPh>
    <rPh sb="10" eb="12">
      <t>エイセイ</t>
    </rPh>
    <rPh sb="12" eb="15">
      <t>カンリシャ</t>
    </rPh>
    <rPh sb="16" eb="18">
      <t>センニン</t>
    </rPh>
    <rPh sb="19" eb="21">
      <t>ヘンコウ</t>
    </rPh>
    <rPh sb="27" eb="29">
      <t>ショクヒン</t>
    </rPh>
    <rPh sb="29" eb="32">
      <t>エイセイホウ</t>
    </rPh>
    <rPh sb="32" eb="33">
      <t>ダイ</t>
    </rPh>
    <rPh sb="35" eb="36">
      <t>ジョウ</t>
    </rPh>
    <rPh sb="36" eb="37">
      <t>ダイ</t>
    </rPh>
    <rPh sb="38" eb="39">
      <t>コウ</t>
    </rPh>
    <rPh sb="40" eb="42">
      <t>キテイ</t>
    </rPh>
    <rPh sb="45" eb="46">
      <t>トド</t>
    </rPh>
    <rPh sb="47" eb="48">
      <t>デ</t>
    </rPh>
    <rPh sb="53" eb="55">
      <t>エイギョウ</t>
    </rPh>
    <rPh sb="55" eb="57">
      <t>キョカ</t>
    </rPh>
    <rPh sb="57" eb="59">
      <t>シンセイ</t>
    </rPh>
    <rPh sb="59" eb="60">
      <t>ショ</t>
    </rPh>
    <rPh sb="61" eb="63">
      <t>エイギョウ</t>
    </rPh>
    <rPh sb="63" eb="64">
      <t>トド</t>
    </rPh>
    <rPh sb="65" eb="67">
      <t>テンプ</t>
    </rPh>
    <rPh sb="69" eb="71">
      <t>バアイ</t>
    </rPh>
    <rPh sb="76" eb="78">
      <t>ナイヨウ</t>
    </rPh>
    <rPh sb="79" eb="81">
      <t>チョウフク</t>
    </rPh>
    <rPh sb="83" eb="85">
      <t>コウモク</t>
    </rPh>
    <rPh sb="86" eb="88">
      <t>ハイイロ</t>
    </rPh>
    <rPh sb="89" eb="91">
      <t>コウモク</t>
    </rPh>
    <rPh sb="93" eb="95">
      <t>キサイ</t>
    </rPh>
    <rPh sb="96" eb="98">
      <t>ショウリャク</t>
    </rPh>
    <phoneticPr fontId="4"/>
  </si>
  <si>
    <t>※●印の項目については変更がある項目のみ記載して下さい。</t>
    <rPh sb="2" eb="3">
      <t>ジルシ</t>
    </rPh>
    <rPh sb="4" eb="6">
      <t>コウモク</t>
    </rPh>
    <rPh sb="11" eb="13">
      <t>ヘンコウ</t>
    </rPh>
    <rPh sb="16" eb="18">
      <t>コウモク</t>
    </rPh>
    <phoneticPr fontId="59"/>
  </si>
  <si>
    <t>●食品衛生責任者の氏名　</t>
    <rPh sb="1" eb="3">
      <t>ショクヒン</t>
    </rPh>
    <rPh sb="3" eb="5">
      <t>エイセイ</t>
    </rPh>
    <rPh sb="5" eb="8">
      <t>セキニンシャ</t>
    </rPh>
    <rPh sb="9" eb="11">
      <t>シメイ</t>
    </rPh>
    <phoneticPr fontId="1"/>
  </si>
  <si>
    <t>●資格の種類</t>
    <rPh sb="1" eb="3">
      <t>シカク</t>
    </rPh>
    <rPh sb="4" eb="6">
      <t>シュルイ</t>
    </rPh>
    <phoneticPr fontId="1"/>
  </si>
  <si>
    <t>●主として取り扱う食品、添加物、器具又は容器包装</t>
    <rPh sb="1" eb="2">
      <t>シュ</t>
    </rPh>
    <rPh sb="5" eb="6">
      <t>ト</t>
    </rPh>
    <rPh sb="7" eb="8">
      <t>アツカ</t>
    </rPh>
    <rPh sb="9" eb="11">
      <t>ショクヒン</t>
    </rPh>
    <rPh sb="12" eb="15">
      <t>テンカブツ</t>
    </rPh>
    <rPh sb="16" eb="18">
      <t>キグ</t>
    </rPh>
    <rPh sb="18" eb="19">
      <t>マタ</t>
    </rPh>
    <rPh sb="20" eb="22">
      <t>ヨウキ</t>
    </rPh>
    <rPh sb="22" eb="24">
      <t>ホウソウ</t>
    </rPh>
    <phoneticPr fontId="1"/>
  </si>
  <si>
    <t>●受講した講習会</t>
    <rPh sb="1" eb="3">
      <t>ジュコウ</t>
    </rPh>
    <rPh sb="5" eb="8">
      <t>コウシュウカイ</t>
    </rPh>
    <phoneticPr fontId="1"/>
  </si>
  <si>
    <t>●業態</t>
    <rPh sb="1" eb="3">
      <t>ギョウタイ</t>
    </rPh>
    <phoneticPr fontId="1"/>
  </si>
  <si>
    <t>●HACCPの取組</t>
    <rPh sb="7" eb="9">
      <t>トリクミ</t>
    </rPh>
    <phoneticPr fontId="1"/>
  </si>
  <si>
    <t>●指定成分等含有食品を取り扱う施設</t>
    <phoneticPr fontId="1"/>
  </si>
  <si>
    <t>●輸出食品取扱施設
※この申請等の情報は、国の事務に必要な限度において、輸出時の要件確認等のために使用します。</t>
    <rPh sb="1" eb="3">
      <t>ユシュツ</t>
    </rPh>
    <rPh sb="3" eb="5">
      <t>ショクヒン</t>
    </rPh>
    <rPh sb="5" eb="7">
      <t>トリアツカイ</t>
    </rPh>
    <rPh sb="7" eb="9">
      <t>シセツ</t>
    </rPh>
    <rPh sb="13" eb="15">
      <t>シンセイ</t>
    </rPh>
    <rPh sb="15" eb="16">
      <t>トウ</t>
    </rPh>
    <rPh sb="17" eb="19">
      <t>ジョウホウ</t>
    </rPh>
    <rPh sb="21" eb="22">
      <t>クニ</t>
    </rPh>
    <rPh sb="23" eb="25">
      <t>ジム</t>
    </rPh>
    <rPh sb="26" eb="28">
      <t>ヒツヨウ</t>
    </rPh>
    <rPh sb="29" eb="31">
      <t>ゲンド</t>
    </rPh>
    <rPh sb="36" eb="38">
      <t>ユシュツ</t>
    </rPh>
    <rPh sb="38" eb="39">
      <t>ジ</t>
    </rPh>
    <rPh sb="40" eb="42">
      <t>ヨウケン</t>
    </rPh>
    <rPh sb="42" eb="44">
      <t>カクニン</t>
    </rPh>
    <rPh sb="44" eb="45">
      <t>トウ</t>
    </rPh>
    <rPh sb="49" eb="51">
      <t>シヨウ</t>
    </rPh>
    <phoneticPr fontId="1"/>
  </si>
  <si>
    <t>●申請者・届出者情報</t>
    <phoneticPr fontId="59"/>
  </si>
  <si>
    <t>●営業施設情報</t>
    <phoneticPr fontId="59"/>
  </si>
  <si>
    <t>●業種に応じた情報</t>
    <rPh sb="1" eb="3">
      <t>ギョウシュ</t>
    </rPh>
    <rPh sb="4" eb="5">
      <t>オウ</t>
    </rPh>
    <rPh sb="7" eb="9">
      <t>ジョウホウ</t>
    </rPh>
    <phoneticPr fontId="1"/>
  </si>
  <si>
    <t>●添付書類</t>
    <rPh sb="1" eb="3">
      <t>テンプ</t>
    </rPh>
    <rPh sb="3" eb="5">
      <t>ショルイ</t>
    </rPh>
    <phoneticPr fontId="1"/>
  </si>
  <si>
    <t>※〇印の項目は、必ず記載して下さい。</t>
    <rPh sb="2" eb="3">
      <t>ジルシ</t>
    </rPh>
    <rPh sb="4" eb="6">
      <t>コウモク</t>
    </rPh>
    <phoneticPr fontId="59"/>
  </si>
  <si>
    <r>
      <t>〇申請者・届出者住所　</t>
    </r>
    <r>
      <rPr>
        <sz val="9"/>
        <color theme="1"/>
        <rFont val="ＭＳ 明朝"/>
        <family val="1"/>
        <charset val="128"/>
      </rPr>
      <t>※法人にあっては、所在地</t>
    </r>
    <rPh sb="1" eb="4">
      <t>シンセイシャ</t>
    </rPh>
    <rPh sb="5" eb="7">
      <t>トドケデ</t>
    </rPh>
    <rPh sb="7" eb="8">
      <t>シャ</t>
    </rPh>
    <rPh sb="8" eb="10">
      <t>ジュウショ</t>
    </rPh>
    <phoneticPr fontId="1"/>
  </si>
  <si>
    <r>
      <t>〇申請者・届出者氏名　</t>
    </r>
    <r>
      <rPr>
        <sz val="9"/>
        <color theme="1"/>
        <rFont val="ＭＳ 明朝"/>
        <family val="1"/>
        <charset val="128"/>
      </rPr>
      <t>※法人にあっては、その名称及び代表者の氏名</t>
    </r>
    <rPh sb="1" eb="4">
      <t>シンセイシャ</t>
    </rPh>
    <rPh sb="8" eb="10">
      <t>シメイ</t>
    </rPh>
    <rPh sb="12" eb="14">
      <t>ホウジン</t>
    </rPh>
    <rPh sb="22" eb="24">
      <t>メイショウ</t>
    </rPh>
    <rPh sb="24" eb="25">
      <t>オヨ</t>
    </rPh>
    <rPh sb="26" eb="29">
      <t>ダイヒョウシャ</t>
    </rPh>
    <rPh sb="30" eb="32">
      <t>シメイ</t>
    </rPh>
    <phoneticPr fontId="1"/>
  </si>
  <si>
    <t>〇施設の所在地</t>
    <rPh sb="1" eb="3">
      <t>シセツ</t>
    </rPh>
    <rPh sb="4" eb="7">
      <t>ショザイチ</t>
    </rPh>
    <phoneticPr fontId="1"/>
  </si>
  <si>
    <t>〇施設の名称、屋号又は商号</t>
    <rPh sb="9" eb="10">
      <t>マタ</t>
    </rPh>
    <phoneticPr fontId="1"/>
  </si>
  <si>
    <t>【裏面（薄い灰色部分）：許可のみ】</t>
    <rPh sb="1" eb="3">
      <t>ウラメン</t>
    </rPh>
    <rPh sb="4" eb="5">
      <t>ウス</t>
    </rPh>
    <rPh sb="6" eb="8">
      <t>ハイイロ</t>
    </rPh>
    <rPh sb="8" eb="10">
      <t>ブブン</t>
    </rPh>
    <phoneticPr fontId="59"/>
  </si>
  <si>
    <t>〇営業届出</t>
    <rPh sb="1" eb="3">
      <t>エイギョウ</t>
    </rPh>
    <rPh sb="3" eb="5">
      <t>トドケデ</t>
    </rPh>
    <phoneticPr fontId="1"/>
  </si>
  <si>
    <t>〇廃業年月日</t>
    <rPh sb="1" eb="3">
      <t>ハイギョウ</t>
    </rPh>
    <rPh sb="3" eb="6">
      <t>ネンガッピ</t>
    </rPh>
    <phoneticPr fontId="59"/>
  </si>
  <si>
    <t>〇営業許可業種</t>
    <rPh sb="1" eb="3">
      <t>エイギョウ</t>
    </rPh>
    <rPh sb="3" eb="5">
      <t>キョカ</t>
    </rPh>
    <rPh sb="5" eb="7">
      <t>ギョウシュ</t>
    </rPh>
    <phoneticPr fontId="1"/>
  </si>
  <si>
    <t>⑪添加物（法第13条第１項の規定により規格が定められたもの）</t>
    <rPh sb="1" eb="4">
      <t>テンカブツ</t>
    </rPh>
    <rPh sb="5" eb="6">
      <t>ホウ</t>
    </rPh>
    <rPh sb="6" eb="7">
      <t>ダイ</t>
    </rPh>
    <rPh sb="9" eb="10">
      <t>ジョウ</t>
    </rPh>
    <rPh sb="10" eb="11">
      <t>ダイ</t>
    </rPh>
    <rPh sb="12" eb="13">
      <t>コウ</t>
    </rPh>
    <rPh sb="14" eb="16">
      <t>キテイ</t>
    </rPh>
    <rPh sb="19" eb="21">
      <t>キカク</t>
    </rPh>
    <rPh sb="22" eb="23">
      <t>サダ</t>
    </rPh>
    <phoneticPr fontId="24"/>
  </si>
  <si>
    <t>食品衛生法又は同法に基づく処分に違反して刑に処せられ、その執行を終わり、又は執行を受けることがなくなった日から起算して2年を経過していないこと。</t>
    <phoneticPr fontId="1"/>
  </si>
  <si>
    <t>□⑪添加物（法第13条第１項の規定により規格が定められたもの）</t>
    <rPh sb="2" eb="5">
      <t>テンカブツ</t>
    </rPh>
    <rPh sb="6" eb="7">
      <t>ホウ</t>
    </rPh>
    <rPh sb="7" eb="8">
      <t>ダイ</t>
    </rPh>
    <rPh sb="10" eb="11">
      <t>ジョウ</t>
    </rPh>
    <rPh sb="11" eb="12">
      <t>ダイ</t>
    </rPh>
    <rPh sb="13" eb="14">
      <t>コウ</t>
    </rPh>
    <rPh sb="15" eb="17">
      <t>キテイ</t>
    </rPh>
    <rPh sb="20" eb="22">
      <t>キカク</t>
    </rPh>
    <rPh sb="23" eb="24">
      <t>サダ</t>
    </rPh>
    <phoneticPr fontId="24"/>
  </si>
  <si>
    <t>譲渡した者</t>
    <rPh sb="0" eb="2">
      <t>ジョウト</t>
    </rPh>
    <rPh sb="4" eb="5">
      <t>モノ</t>
    </rPh>
    <phoneticPr fontId="1"/>
  </si>
  <si>
    <t>法人番号：</t>
    <phoneticPr fontId="59"/>
  </si>
  <si>
    <t>譲渡した者の氏名（法人にあってはその名称及び代表者の氏名）</t>
    <rPh sb="0" eb="2">
      <t>ジョウト</t>
    </rPh>
    <rPh sb="4" eb="5">
      <t>モノ</t>
    </rPh>
    <rPh sb="9" eb="11">
      <t>ホウジン</t>
    </rPh>
    <rPh sb="18" eb="20">
      <t>メイショウ</t>
    </rPh>
    <rPh sb="20" eb="21">
      <t>オヨ</t>
    </rPh>
    <rPh sb="22" eb="25">
      <t>ダイヒョウシャ</t>
    </rPh>
    <rPh sb="26" eb="28">
      <t>シメイ</t>
    </rPh>
    <phoneticPr fontId="1"/>
  </si>
  <si>
    <t>譲渡した者の住所（法人にあってはその所在地）</t>
    <rPh sb="0" eb="2">
      <t>ジョウト</t>
    </rPh>
    <rPh sb="4" eb="5">
      <t>モノ</t>
    </rPh>
    <rPh sb="9" eb="11">
      <t>ホウジン</t>
    </rPh>
    <rPh sb="18" eb="21">
      <t>ショザイチ</t>
    </rPh>
    <phoneticPr fontId="1"/>
  </si>
  <si>
    <t>譲渡年月日</t>
    <rPh sb="0" eb="2">
      <t>ジョウト</t>
    </rPh>
    <phoneticPr fontId="1"/>
  </si>
  <si>
    <t>□譲渡が行われたことを証する書類
(・譲渡契約書等の写し等、当事者による譲渡の意思と譲渡の事実が最低限確認できるもの。
 ・法人成りの場合は、当該個人事業主と法人成り後の法人との譲渡契約書等の写し等。)</t>
    <rPh sb="1" eb="3">
      <t>ジョウト</t>
    </rPh>
    <rPh sb="4" eb="5">
      <t>オコナ</t>
    </rPh>
    <rPh sb="11" eb="12">
      <t>ショウ</t>
    </rPh>
    <rPh sb="14" eb="16">
      <t>ショルイ</t>
    </rPh>
    <rPh sb="19" eb="21">
      <t>ジョウト</t>
    </rPh>
    <rPh sb="21" eb="23">
      <t>ケイヤク</t>
    </rPh>
    <rPh sb="23" eb="24">
      <t>ショ</t>
    </rPh>
    <rPh sb="24" eb="25">
      <t>トウ</t>
    </rPh>
    <rPh sb="26" eb="27">
      <t>ウツ</t>
    </rPh>
    <rPh sb="28" eb="29">
      <t>トウ</t>
    </rPh>
    <rPh sb="30" eb="33">
      <t>トウジシャ</t>
    </rPh>
    <rPh sb="36" eb="38">
      <t>ジョウト</t>
    </rPh>
    <rPh sb="39" eb="41">
      <t>イシ</t>
    </rPh>
    <rPh sb="42" eb="44">
      <t>ジョウト</t>
    </rPh>
    <rPh sb="45" eb="47">
      <t>ジジツ</t>
    </rPh>
    <rPh sb="48" eb="51">
      <t>サイテイゲン</t>
    </rPh>
    <rPh sb="51" eb="53">
      <t>カクニン</t>
    </rPh>
    <rPh sb="62" eb="65">
      <t>ホウジンナ</t>
    </rPh>
    <rPh sb="67" eb="69">
      <t>バアイ</t>
    </rPh>
    <rPh sb="71" eb="73">
      <t>トウガイ</t>
    </rPh>
    <rPh sb="73" eb="75">
      <t>コジン</t>
    </rPh>
    <rPh sb="75" eb="78">
      <t>ジギョウヌシ</t>
    </rPh>
    <rPh sb="79" eb="82">
      <t>ホウジンナ</t>
    </rPh>
    <rPh sb="83" eb="84">
      <t>ゴ</t>
    </rPh>
    <rPh sb="85" eb="87">
      <t>ホウジン</t>
    </rPh>
    <rPh sb="89" eb="95">
      <t>ジョウトケイヤクショトウ</t>
    </rPh>
    <rPh sb="96" eb="97">
      <t>ウツ</t>
    </rPh>
    <rPh sb="98" eb="99">
      <t>トウ</t>
    </rPh>
    <phoneticPr fontId="1"/>
  </si>
  <si>
    <t>被相続人</t>
    <rPh sb="0" eb="4">
      <t>ヒソウゾクニン</t>
    </rPh>
    <phoneticPr fontId="1"/>
  </si>
  <si>
    <t>被相続人の氏名</t>
    <phoneticPr fontId="1"/>
  </si>
  <si>
    <t>被相続人の住所</t>
    <phoneticPr fontId="1"/>
  </si>
  <si>
    <t>相続開始年月日</t>
    <phoneticPr fontId="1"/>
  </si>
  <si>
    <t>□戸籍謄本　又は　□法定相続情報一覧図の写し　　　□同意書（相続人が二人以上いる場合）</t>
    <rPh sb="6" eb="7">
      <t>マタ</t>
    </rPh>
    <rPh sb="20" eb="21">
      <t>ウツ</t>
    </rPh>
    <rPh sb="30" eb="33">
      <t>ソウゾクニン</t>
    </rPh>
    <rPh sb="34" eb="36">
      <t>フタリ</t>
    </rPh>
    <rPh sb="36" eb="38">
      <t>イジョウ</t>
    </rPh>
    <rPh sb="40" eb="42">
      <t>バアイ</t>
    </rPh>
    <phoneticPr fontId="1"/>
  </si>
  <si>
    <t>許可の番号及び許可年月日</t>
    <rPh sb="0" eb="2">
      <t>キョカ</t>
    </rPh>
    <rPh sb="3" eb="5">
      <t>バンゴウ</t>
    </rPh>
    <rPh sb="5" eb="6">
      <t>オヨ</t>
    </rPh>
    <rPh sb="7" eb="9">
      <t>キョカ</t>
    </rPh>
    <rPh sb="9" eb="12">
      <t>ネンガッピ</t>
    </rPh>
    <phoneticPr fontId="1"/>
  </si>
  <si>
    <r>
      <t>下記のとおり、許可営業者の地位を承継（</t>
    </r>
    <r>
      <rPr>
        <sz val="11"/>
        <rFont val="ＭＳ 明朝"/>
        <family val="1"/>
        <charset val="128"/>
      </rPr>
      <t>譲渡・</t>
    </r>
    <r>
      <rPr>
        <sz val="11"/>
        <color theme="1"/>
        <rFont val="ＭＳ 明朝"/>
        <family val="1"/>
        <charset val="128"/>
      </rPr>
      <t>相続・合併・分割）したので、食品衛生法（第56条第２項・第57条第２項）の規定に基づき届け出ます。</t>
    </r>
    <rPh sb="19" eb="21">
      <t>ジョウト</t>
    </rPh>
    <rPh sb="50" eb="51">
      <t>ダイ</t>
    </rPh>
    <rPh sb="53" eb="54">
      <t>ジョウ</t>
    </rPh>
    <rPh sb="54" eb="55">
      <t>ダイ</t>
    </rPh>
    <rPh sb="56" eb="57">
      <t>コウ</t>
    </rPh>
    <rPh sb="62" eb="63">
      <t>モト</t>
    </rPh>
    <phoneticPr fontId="1"/>
  </si>
  <si>
    <t>施設の所在地（自動車において調理する営業の場合は、当該自動車の自動車登録番号）</t>
    <rPh sb="0" eb="2">
      <t>シセツ</t>
    </rPh>
    <rPh sb="3" eb="6">
      <t>ショザイチ</t>
    </rPh>
    <phoneticPr fontId="1"/>
  </si>
  <si>
    <r>
      <t xml:space="preserve">許可の番号及び許可年月日
</t>
    </r>
    <r>
      <rPr>
        <sz val="10"/>
        <rFont val="ＭＳ 明朝"/>
        <family val="1"/>
        <charset val="128"/>
      </rPr>
      <t>※許可営業の場合のみ記入</t>
    </r>
    <rPh sb="0" eb="2">
      <t>キョカ</t>
    </rPh>
    <rPh sb="3" eb="5">
      <t>バンゴウ</t>
    </rPh>
    <rPh sb="5" eb="6">
      <t>オヨ</t>
    </rPh>
    <rPh sb="7" eb="9">
      <t>キョカ</t>
    </rPh>
    <rPh sb="9" eb="12">
      <t>ネンガッピ</t>
    </rPh>
    <rPh sb="14" eb="16">
      <t>キョカ</t>
    </rPh>
    <rPh sb="16" eb="18">
      <t>エイギョウ</t>
    </rPh>
    <rPh sb="19" eb="21">
      <t>バアイ</t>
    </rPh>
    <rPh sb="23" eb="25">
      <t>キニュウ</t>
    </rPh>
    <phoneticPr fontId="1"/>
  </si>
  <si>
    <t>地位承継届</t>
    <rPh sb="0" eb="2">
      <t>チイ</t>
    </rPh>
    <rPh sb="2" eb="4">
      <t>ショウケイ</t>
    </rPh>
    <rPh sb="4" eb="5">
      <t>トド</t>
    </rPh>
    <phoneticPr fontId="1"/>
  </si>
  <si>
    <t>別紙様式４</t>
    <rPh sb="0" eb="2">
      <t>ベッシ</t>
    </rPh>
    <rPh sb="2" eb="4">
      <t>ヨウシキ</t>
    </rPh>
    <phoneticPr fontId="59"/>
  </si>
  <si>
    <r>
      <t>食管・食監・調・製・栄</t>
    </r>
    <r>
      <rPr>
        <sz val="9"/>
        <color theme="1"/>
        <rFont val="ＭＳ 明朝"/>
        <family val="1"/>
        <charset val="128"/>
      </rPr>
      <t>・管栄・</t>
    </r>
    <r>
      <rPr>
        <sz val="9"/>
        <rFont val="ＭＳ 明朝"/>
        <family val="1"/>
        <charset val="128"/>
      </rPr>
      <t>船舶・と畜・食鳥</t>
    </r>
    <rPh sb="12" eb="14">
      <t>カンエイ</t>
    </rPh>
    <phoneticPr fontId="1"/>
  </si>
  <si>
    <r>
      <t>食管・食監・調・製・栄</t>
    </r>
    <r>
      <rPr>
        <sz val="9"/>
        <color theme="1"/>
        <rFont val="ＭＳ 明朝"/>
        <family val="1"/>
        <charset val="128"/>
      </rPr>
      <t>・管栄</t>
    </r>
    <r>
      <rPr>
        <sz val="9"/>
        <rFont val="ＭＳ 明朝"/>
        <family val="1"/>
        <charset val="128"/>
      </rPr>
      <t>・船舶・と畜・食鳥</t>
    </r>
    <rPh sb="12" eb="14">
      <t>カンエイ</t>
    </rPh>
    <phoneticPr fontId="1"/>
  </si>
  <si>
    <r>
      <t>食管・食監・調・製・栄</t>
    </r>
    <r>
      <rPr>
        <sz val="9"/>
        <color theme="1"/>
        <rFont val="ＭＳ 明朝"/>
        <family val="1"/>
        <charset val="128"/>
      </rPr>
      <t>・管栄</t>
    </r>
    <r>
      <rPr>
        <sz val="9"/>
        <rFont val="ＭＳ 明朝"/>
        <family val="1"/>
        <charset val="128"/>
      </rPr>
      <t>・船舶・と畜・食鳥</t>
    </r>
    <rPh sb="12" eb="13">
      <t>カン</t>
    </rPh>
    <rPh sb="13" eb="14">
      <t>エイ</t>
    </rPh>
    <rPh sb="15" eb="17">
      <t>センパク</t>
    </rPh>
    <phoneticPr fontId="1"/>
  </si>
  <si>
    <r>
      <t>自動販売機</t>
    </r>
    <r>
      <rPr>
        <u/>
        <sz val="10.5"/>
        <color rgb="FFFF0000"/>
        <rFont val="ＭＳ 明朝"/>
        <family val="1"/>
        <charset val="128"/>
      </rPr>
      <t>、全自動調理機</t>
    </r>
    <r>
      <rPr>
        <sz val="10.5"/>
        <rFont val="ＭＳ 明朝"/>
        <family val="1"/>
        <charset val="128"/>
      </rPr>
      <t>の型番</t>
    </r>
    <rPh sb="0" eb="2">
      <t>ジドウ</t>
    </rPh>
    <rPh sb="2" eb="5">
      <t>ハンバイキ</t>
    </rPh>
    <rPh sb="6" eb="9">
      <t>ゼンジドウ</t>
    </rPh>
    <rPh sb="9" eb="11">
      <t>チョウリ</t>
    </rPh>
    <rPh sb="11" eb="12">
      <t>キ</t>
    </rPh>
    <rPh sb="13" eb="15">
      <t>カタバン</t>
    </rPh>
    <phoneticPr fontId="1"/>
  </si>
  <si>
    <t>ふぐの処理を行う施設</t>
    <rPh sb="3" eb="5">
      <t>ショリ</t>
    </rPh>
    <rPh sb="6" eb="7">
      <t>オコナ</t>
    </rPh>
    <rPh sb="8" eb="10">
      <t>シセツ</t>
    </rPh>
    <phoneticPr fontId="1"/>
  </si>
  <si>
    <t>飲食店のうち従業者が常駐せず全自動調理機により調理された食品を販売する営業</t>
    <rPh sb="0" eb="2">
      <t>インショク</t>
    </rPh>
    <rPh sb="2" eb="3">
      <t>ミセ</t>
    </rPh>
    <rPh sb="6" eb="9">
      <t>ジュウギョウシャ</t>
    </rPh>
    <rPh sb="10" eb="12">
      <t>ジョウチュウ</t>
    </rPh>
    <rPh sb="14" eb="17">
      <t>ゼンジドウ</t>
    </rPh>
    <rPh sb="17" eb="19">
      <t>チョウリ</t>
    </rPh>
    <rPh sb="19" eb="20">
      <t>キ</t>
    </rPh>
    <rPh sb="23" eb="25">
      <t>チョウリ</t>
    </rPh>
    <rPh sb="28" eb="30">
      <t>ショクヒン</t>
    </rPh>
    <rPh sb="31" eb="33">
      <t>ハンバイ</t>
    </rPh>
    <rPh sb="35" eb="37">
      <t>エイギョウ</t>
    </rPh>
    <phoneticPr fontId="1"/>
  </si>
  <si>
    <r>
      <t>●自動販売機</t>
    </r>
    <r>
      <rPr>
        <u/>
        <sz val="10.5"/>
        <color rgb="FFFF0000"/>
        <rFont val="ＭＳ 明朝"/>
        <family val="1"/>
        <charset val="128"/>
      </rPr>
      <t>、全自動調理機</t>
    </r>
    <r>
      <rPr>
        <sz val="10.5"/>
        <rFont val="ＭＳ 明朝"/>
        <family val="1"/>
        <charset val="128"/>
      </rPr>
      <t>の型番</t>
    </r>
    <rPh sb="1" eb="3">
      <t>ジドウ</t>
    </rPh>
    <rPh sb="3" eb="6">
      <t>ハンバイキ</t>
    </rPh>
    <rPh sb="7" eb="10">
      <t>ゼンジドウ</t>
    </rPh>
    <rPh sb="10" eb="12">
      <t>チョウリ</t>
    </rPh>
    <rPh sb="12" eb="13">
      <t>キ</t>
    </rPh>
    <rPh sb="14" eb="16">
      <t>カタバ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9" x14ac:knownFonts="1">
    <font>
      <sz val="11"/>
      <color indexed="8"/>
      <name val="游ゴシック"/>
      <family val="3"/>
      <charset val="128"/>
      <scheme val="minor"/>
    </font>
    <font>
      <sz val="6"/>
      <name val="游ゴシック"/>
      <family val="3"/>
      <charset val="128"/>
    </font>
    <font>
      <sz val="6"/>
      <name val="游ゴシック"/>
      <family val="3"/>
      <charset val="128"/>
    </font>
    <font>
      <sz val="11"/>
      <name val="ＭＳ 明朝"/>
      <family val="1"/>
      <charset val="128"/>
    </font>
    <font>
      <sz val="6"/>
      <name val="游ゴシック"/>
      <family val="3"/>
      <charset val="128"/>
    </font>
    <font>
      <sz val="10"/>
      <name val="ＭＳ 明朝"/>
      <family val="1"/>
      <charset val="128"/>
    </font>
    <font>
      <sz val="12"/>
      <name val="ＭＳ 明朝"/>
      <family val="1"/>
      <charset val="128"/>
    </font>
    <font>
      <sz val="8"/>
      <name val="ＭＳ 明朝"/>
      <family val="1"/>
      <charset val="128"/>
    </font>
    <font>
      <sz val="6"/>
      <name val="游ゴシック"/>
      <family val="3"/>
      <charset val="128"/>
    </font>
    <font>
      <sz val="9"/>
      <name val="ＭＳ 明朝"/>
      <family val="1"/>
      <charset val="128"/>
    </font>
    <font>
      <sz val="10"/>
      <name val="ＭＳ Ｐ明朝"/>
      <family val="1"/>
      <charset val="128"/>
    </font>
    <font>
      <sz val="11"/>
      <name val="ＭＳ Ｐ明朝"/>
      <family val="1"/>
      <charset val="128"/>
    </font>
    <font>
      <sz val="6"/>
      <name val="ＭＳ Ｐゴシック"/>
      <family val="3"/>
      <charset val="128"/>
    </font>
    <font>
      <sz val="11"/>
      <name val="Century"/>
      <family val="1"/>
    </font>
    <font>
      <sz val="9"/>
      <name val="Century"/>
      <family val="1"/>
    </font>
    <font>
      <sz val="10.5"/>
      <name val="Century"/>
      <family val="1"/>
    </font>
    <font>
      <sz val="10"/>
      <name val="メイリオ"/>
      <family val="3"/>
      <charset val="128"/>
    </font>
    <font>
      <sz val="9"/>
      <name val="ＭＳ Ｐ明朝"/>
      <family val="1"/>
      <charset val="128"/>
    </font>
    <font>
      <sz val="10.5"/>
      <name val="ＭＳ Ｐ明朝"/>
      <family val="1"/>
      <charset val="128"/>
    </font>
    <font>
      <sz val="10.5"/>
      <name val="ＭＳ 明朝"/>
      <family val="1"/>
      <charset val="128"/>
    </font>
    <font>
      <sz val="6"/>
      <name val="游ゴシック"/>
      <family val="3"/>
      <charset val="128"/>
    </font>
    <font>
      <strike/>
      <sz val="10.5"/>
      <name val="ＭＳ 明朝"/>
      <family val="1"/>
      <charset val="128"/>
    </font>
    <font>
      <sz val="10"/>
      <name val="Century"/>
      <family val="1"/>
    </font>
    <font>
      <sz val="20"/>
      <name val="ＭＳ 明朝"/>
      <family val="1"/>
      <charset val="128"/>
    </font>
    <font>
      <sz val="6"/>
      <name val="游ゴシック"/>
      <family val="3"/>
      <charset val="128"/>
    </font>
    <font>
      <sz val="11"/>
      <color indexed="8"/>
      <name val="游ゴシック"/>
      <family val="3"/>
      <charset val="128"/>
      <scheme val="minor"/>
    </font>
    <font>
      <sz val="11"/>
      <color indexed="9"/>
      <name val="游ゴシック"/>
      <family val="3"/>
      <charset val="128"/>
      <scheme val="minor"/>
    </font>
    <font>
      <sz val="18"/>
      <color theme="3"/>
      <name val="游ゴシック Light"/>
      <family val="3"/>
      <charset val="128"/>
    </font>
    <font>
      <b/>
      <sz val="11"/>
      <color indexed="9"/>
      <name val="游ゴシック"/>
      <family val="3"/>
      <charset val="128"/>
      <scheme val="minor"/>
    </font>
    <font>
      <sz val="11"/>
      <color rgb="FF9C6500"/>
      <name val="游ゴシック"/>
      <family val="3"/>
      <charset val="128"/>
      <scheme val="minor"/>
    </font>
    <font>
      <sz val="11"/>
      <color rgb="FFFA7D00"/>
      <name val="游ゴシック"/>
      <family val="3"/>
      <charset val="128"/>
      <scheme val="minor"/>
    </font>
    <font>
      <sz val="11"/>
      <color rgb="FF9C0006"/>
      <name val="游ゴシック"/>
      <family val="3"/>
      <charset val="128"/>
      <scheme val="minor"/>
    </font>
    <font>
      <b/>
      <sz val="11"/>
      <color rgb="FFFA7D00"/>
      <name val="游ゴシック"/>
      <family val="3"/>
      <charset val="128"/>
      <scheme val="minor"/>
    </font>
    <font>
      <sz val="11"/>
      <color indexed="10"/>
      <name val="游ゴシック"/>
      <family val="3"/>
      <charset val="128"/>
      <scheme val="minor"/>
    </font>
    <font>
      <b/>
      <sz val="15"/>
      <color theme="3"/>
      <name val="游ゴシック"/>
      <family val="3"/>
      <charset val="128"/>
      <scheme val="minor"/>
    </font>
    <font>
      <b/>
      <sz val="13"/>
      <color theme="3"/>
      <name val="游ゴシック"/>
      <family val="3"/>
      <charset val="128"/>
      <scheme val="minor"/>
    </font>
    <font>
      <b/>
      <sz val="11"/>
      <color theme="3"/>
      <name val="游ゴシック"/>
      <family val="3"/>
      <charset val="128"/>
      <scheme val="minor"/>
    </font>
    <font>
      <b/>
      <sz val="11"/>
      <color indexed="8"/>
      <name val="游ゴシック"/>
      <family val="3"/>
      <charset val="128"/>
      <scheme val="minor"/>
    </font>
    <font>
      <b/>
      <sz val="11"/>
      <color rgb="FF3F3F3F"/>
      <name val="游ゴシック"/>
      <family val="3"/>
      <charset val="128"/>
      <scheme val="minor"/>
    </font>
    <font>
      <i/>
      <sz val="11"/>
      <color rgb="FF7F7F7F"/>
      <name val="游ゴシック"/>
      <family val="3"/>
      <charset val="128"/>
      <scheme val="minor"/>
    </font>
    <font>
      <sz val="11"/>
      <color rgb="FF3F3F76"/>
      <name val="游ゴシック"/>
      <family val="3"/>
      <charset val="128"/>
      <scheme val="minor"/>
    </font>
    <font>
      <sz val="11"/>
      <color rgb="FF006100"/>
      <name val="游ゴシック"/>
      <family val="3"/>
      <charset val="128"/>
      <scheme val="minor"/>
    </font>
    <font>
      <sz val="11"/>
      <name val="游ゴシック"/>
      <family val="3"/>
      <charset val="128"/>
      <scheme val="minor"/>
    </font>
    <font>
      <sz val="10.5"/>
      <color theme="1"/>
      <name val="ＭＳ 明朝"/>
      <family val="1"/>
      <charset val="128"/>
    </font>
    <font>
      <sz val="11"/>
      <color theme="1"/>
      <name val="ＭＳ Ｐ明朝"/>
      <family val="1"/>
      <charset val="128"/>
    </font>
    <font>
      <sz val="12"/>
      <color theme="1"/>
      <name val="ＭＳ 明朝"/>
      <family val="1"/>
      <charset val="128"/>
    </font>
    <font>
      <sz val="9"/>
      <color theme="1"/>
      <name val="ＭＳ 明朝"/>
      <family val="1"/>
      <charset val="128"/>
    </font>
    <font>
      <sz val="11"/>
      <color theme="1"/>
      <name val="ＭＳ 明朝"/>
      <family val="1"/>
      <charset val="128"/>
    </font>
    <font>
      <sz val="22"/>
      <color theme="1"/>
      <name val="ＭＳ 明朝"/>
      <family val="1"/>
      <charset val="128"/>
    </font>
    <font>
      <sz val="9"/>
      <color theme="1"/>
      <name val="Century"/>
      <family val="1"/>
    </font>
    <font>
      <sz val="10"/>
      <color theme="1"/>
      <name val="ＭＳ 明朝"/>
      <family val="1"/>
      <charset val="128"/>
    </font>
    <font>
      <sz val="8"/>
      <color theme="1"/>
      <name val="ＭＳ 明朝"/>
      <family val="1"/>
      <charset val="128"/>
    </font>
    <font>
      <sz val="11"/>
      <color theme="1"/>
      <name val="游ゴシック"/>
      <family val="3"/>
      <charset val="128"/>
      <scheme val="minor"/>
    </font>
    <font>
      <sz val="9"/>
      <color theme="1"/>
      <name val="ＭＳ Ｐ明朝"/>
      <family val="1"/>
      <charset val="128"/>
    </font>
    <font>
      <sz val="10.5"/>
      <color theme="1"/>
      <name val="ＭＳ Ｐ明朝"/>
      <family val="1"/>
      <charset val="128"/>
    </font>
    <font>
      <sz val="11"/>
      <color theme="1"/>
      <name val="Century"/>
      <family val="1"/>
    </font>
    <font>
      <sz val="10"/>
      <color theme="1"/>
      <name val="メイリオ"/>
      <family val="3"/>
      <charset val="128"/>
    </font>
    <font>
      <sz val="10.5"/>
      <color theme="1"/>
      <name val="Century"/>
      <family val="1"/>
    </font>
    <font>
      <sz val="10"/>
      <color theme="1"/>
      <name val="Century"/>
      <family val="1"/>
    </font>
    <font>
      <sz val="6"/>
      <name val="游ゴシック"/>
      <family val="3"/>
      <charset val="128"/>
      <scheme val="minor"/>
    </font>
    <font>
      <b/>
      <sz val="14"/>
      <name val="ＭＳ ゴシック"/>
      <family val="3"/>
      <charset val="128"/>
    </font>
    <font>
      <b/>
      <sz val="14"/>
      <name val="ＭＳ 明朝"/>
      <family val="1"/>
      <charset val="128"/>
    </font>
    <font>
      <b/>
      <sz val="12"/>
      <color theme="1"/>
      <name val="ＭＳ 明朝"/>
      <family val="1"/>
      <charset val="128"/>
    </font>
    <font>
      <sz val="6"/>
      <name val="ＭＳ 明朝"/>
      <family val="1"/>
      <charset val="128"/>
    </font>
    <font>
      <sz val="12"/>
      <name val="ＭＳ Ｐ明朝"/>
      <family val="1"/>
      <charset val="128"/>
    </font>
    <font>
      <sz val="16"/>
      <color theme="1"/>
      <name val="ＭＳ 明朝"/>
      <family val="1"/>
      <charset val="128"/>
    </font>
    <font>
      <u/>
      <sz val="10.5"/>
      <color rgb="FFFF0000"/>
      <name val="ＭＳ 明朝"/>
      <family val="1"/>
      <charset val="128"/>
    </font>
    <font>
      <sz val="12"/>
      <color rgb="FFFF0000"/>
      <name val="ＭＳ 明朝"/>
      <family val="1"/>
      <charset val="128"/>
    </font>
    <font>
      <u/>
      <sz val="12"/>
      <color rgb="FFFF0000"/>
      <name val="ＭＳ 明朝"/>
      <family val="1"/>
      <charset val="128"/>
    </font>
  </fonts>
  <fills count="43">
    <fill>
      <patternFill patternType="none"/>
    </fill>
    <fill>
      <patternFill patternType="gray125"/>
    </fill>
    <fill>
      <patternFill patternType="solid">
        <fgColor indexed="47"/>
        <bgColor indexed="64"/>
      </patternFill>
    </fill>
    <fill>
      <patternFill patternType="solid">
        <fgColor indexed="9"/>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lightGray">
        <bgColor theme="0"/>
      </patternFill>
    </fill>
    <fill>
      <patternFill patternType="solid">
        <fgColor indexed="65"/>
        <bgColor indexed="64"/>
      </patternFill>
    </fill>
    <fill>
      <patternFill patternType="solid">
        <fgColor theme="2"/>
        <bgColor indexed="64"/>
      </patternFill>
    </fill>
    <fill>
      <patternFill patternType="solid">
        <fgColor theme="2" tint="-9.9978637043366805E-2"/>
        <bgColor indexed="64"/>
      </patternFill>
    </fill>
    <fill>
      <patternFill patternType="solid">
        <fgColor theme="4" tint="0.59999389629810485"/>
        <bgColor indexed="64"/>
      </patternFill>
    </fill>
    <fill>
      <patternFill patternType="solid">
        <fgColor theme="7" tint="0.79998168889431442"/>
        <bgColor indexed="64"/>
      </patternFill>
    </fill>
    <fill>
      <patternFill patternType="solid">
        <fgColor theme="5" tint="0.59999389629810485"/>
        <bgColor indexed="64"/>
      </patternFill>
    </fill>
    <fill>
      <patternFill patternType="lightGray">
        <bgColor indexed="9"/>
      </patternFill>
    </fill>
  </fills>
  <borders count="211">
    <border>
      <left/>
      <right/>
      <top/>
      <bottom/>
      <diagonal/>
    </border>
    <border>
      <left/>
      <right/>
      <top style="dotted">
        <color indexed="64"/>
      </top>
      <bottom style="thin">
        <color indexed="64"/>
      </bottom>
      <diagonal/>
    </border>
    <border>
      <left/>
      <right/>
      <top style="thin">
        <color indexed="64"/>
      </top>
      <bottom style="dotted">
        <color indexed="64"/>
      </bottom>
      <diagonal/>
    </border>
    <border>
      <left/>
      <right/>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style="medium">
        <color indexed="64"/>
      </top>
      <bottom/>
      <diagonal/>
    </border>
    <border>
      <left/>
      <right style="medium">
        <color indexed="64"/>
      </right>
      <top style="medium">
        <color indexed="64"/>
      </top>
      <bottom/>
      <diagonal/>
    </border>
    <border>
      <left/>
      <right style="medium">
        <color indexed="64"/>
      </right>
      <top/>
      <bottom style="medium">
        <color indexed="64"/>
      </bottom>
      <diagonal/>
    </border>
    <border>
      <left/>
      <right style="thin">
        <color indexed="64"/>
      </right>
      <top/>
      <bottom style="thin">
        <color indexed="64"/>
      </bottom>
      <diagonal/>
    </border>
    <border>
      <left style="medium">
        <color indexed="64"/>
      </left>
      <right style="thin">
        <color indexed="64"/>
      </right>
      <top/>
      <bottom/>
      <diagonal/>
    </border>
    <border>
      <left style="medium">
        <color indexed="64"/>
      </left>
      <right style="medium">
        <color indexed="64"/>
      </right>
      <top/>
      <bottom/>
      <diagonal/>
    </border>
    <border>
      <left style="medium">
        <color indexed="64"/>
      </left>
      <right/>
      <top style="medium">
        <color indexed="64"/>
      </top>
      <bottom/>
      <diagonal/>
    </border>
    <border>
      <left style="medium">
        <color indexed="64"/>
      </left>
      <right style="medium">
        <color indexed="64"/>
      </right>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top style="dotted">
        <color indexed="64"/>
      </top>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top style="thin">
        <color indexed="64"/>
      </top>
      <bottom/>
      <diagonal/>
    </border>
    <border>
      <left style="thin">
        <color indexed="64"/>
      </left>
      <right/>
      <top style="thin">
        <color indexed="64"/>
      </top>
      <bottom style="dotted">
        <color indexed="64"/>
      </bottom>
      <diagonal/>
    </border>
    <border>
      <left/>
      <right style="medium">
        <color indexed="64"/>
      </right>
      <top style="thin">
        <color indexed="64"/>
      </top>
      <bottom/>
      <diagonal/>
    </border>
    <border>
      <left/>
      <right style="medium">
        <color indexed="64"/>
      </right>
      <top/>
      <bottom style="thin">
        <color indexed="64"/>
      </bottom>
      <diagonal/>
    </border>
    <border>
      <left/>
      <right style="medium">
        <color indexed="64"/>
      </right>
      <top style="thin">
        <color indexed="64"/>
      </top>
      <bottom style="dotted">
        <color indexed="64"/>
      </bottom>
      <diagonal/>
    </border>
    <border>
      <left/>
      <right style="thin">
        <color indexed="64"/>
      </right>
      <top style="dotted">
        <color indexed="64"/>
      </top>
      <bottom/>
      <diagonal/>
    </border>
    <border>
      <left style="dotted">
        <color indexed="64"/>
      </left>
      <right/>
      <top/>
      <bottom/>
      <diagonal/>
    </border>
    <border>
      <left style="medium">
        <color indexed="64"/>
      </left>
      <right/>
      <top/>
      <bottom style="thin">
        <color indexed="64"/>
      </bottom>
      <diagonal/>
    </border>
    <border>
      <left/>
      <right style="dotted">
        <color indexed="64"/>
      </right>
      <top style="thin">
        <color indexed="64"/>
      </top>
      <bottom style="dotted">
        <color indexed="64"/>
      </bottom>
      <diagonal/>
    </border>
    <border>
      <left/>
      <right style="dotted">
        <color indexed="64"/>
      </right>
      <top style="medium">
        <color indexed="64"/>
      </top>
      <bottom style="thin">
        <color indexed="64"/>
      </bottom>
      <diagonal/>
    </border>
    <border>
      <left style="medium">
        <color indexed="64"/>
      </left>
      <right/>
      <top style="thin">
        <color indexed="64"/>
      </top>
      <bottom style="dotted">
        <color indexed="64"/>
      </bottom>
      <diagonal/>
    </border>
    <border>
      <left/>
      <right/>
      <top/>
      <bottom style="dotted">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bottom style="dotted">
        <color indexed="64"/>
      </bottom>
      <diagonal/>
    </border>
    <border>
      <left/>
      <right style="dotted">
        <color indexed="64"/>
      </right>
      <top/>
      <bottom style="dotted">
        <color indexed="64"/>
      </bottom>
      <diagonal/>
    </border>
    <border>
      <left style="thin">
        <color indexed="64"/>
      </left>
      <right/>
      <top/>
      <bottom style="dotted">
        <color indexed="64"/>
      </bottom>
      <diagonal/>
    </border>
    <border>
      <left/>
      <right style="medium">
        <color indexed="64"/>
      </right>
      <top/>
      <bottom style="dotted">
        <color indexed="64"/>
      </bottom>
      <diagonal/>
    </border>
    <border>
      <left style="thin">
        <color indexed="64"/>
      </left>
      <right/>
      <top/>
      <bottom style="medium">
        <color indexed="64"/>
      </bottom>
      <diagonal/>
    </border>
    <border>
      <left style="dotted">
        <color indexed="64"/>
      </left>
      <right/>
      <top style="thin">
        <color indexed="64"/>
      </top>
      <bottom/>
      <diagonal/>
    </border>
    <border>
      <left style="medium">
        <color indexed="64"/>
      </left>
      <right/>
      <top style="dotted">
        <color indexed="64"/>
      </top>
      <bottom style="thin">
        <color indexed="64"/>
      </bottom>
      <diagonal/>
    </border>
    <border>
      <left style="thin">
        <color indexed="64"/>
      </left>
      <right/>
      <top style="dotted">
        <color indexed="64"/>
      </top>
      <bottom style="thin">
        <color indexed="64"/>
      </bottom>
      <diagonal/>
    </border>
    <border>
      <left style="medium">
        <color indexed="64"/>
      </left>
      <right/>
      <top style="dotted">
        <color indexed="64"/>
      </top>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style="dotted">
        <color indexed="64"/>
      </left>
      <right/>
      <top style="thin">
        <color indexed="64"/>
      </top>
      <bottom style="dotted">
        <color indexed="64"/>
      </bottom>
      <diagonal/>
    </border>
    <border>
      <left style="dotted">
        <color indexed="64"/>
      </left>
      <right/>
      <top style="dotted">
        <color indexed="64"/>
      </top>
      <bottom/>
      <diagonal/>
    </border>
    <border>
      <left style="dotted">
        <color indexed="64"/>
      </left>
      <right/>
      <top/>
      <bottom style="medium">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dotted">
        <color indexed="64"/>
      </left>
      <right/>
      <top/>
      <bottom style="thin">
        <color indexed="64"/>
      </bottom>
      <diagonal/>
    </border>
    <border>
      <left style="thin">
        <color indexed="64"/>
      </left>
      <right/>
      <top style="medium">
        <color indexed="64"/>
      </top>
      <bottom style="dotted">
        <color indexed="64"/>
      </bottom>
      <diagonal/>
    </border>
    <border>
      <left style="thin">
        <color indexed="64"/>
      </left>
      <right style="thin">
        <color indexed="64"/>
      </right>
      <top style="thin">
        <color indexed="64"/>
      </top>
      <bottom style="thin">
        <color indexed="64"/>
      </bottom>
      <diagonal/>
    </border>
    <border>
      <left/>
      <right/>
      <top style="dotted">
        <color indexed="64"/>
      </top>
      <bottom style="medium">
        <color indexed="64"/>
      </bottom>
      <diagonal/>
    </border>
    <border>
      <left style="medium">
        <color indexed="64"/>
      </left>
      <right style="medium">
        <color indexed="64"/>
      </right>
      <top style="medium">
        <color indexed="64"/>
      </top>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medium">
        <color indexed="64"/>
      </left>
      <right/>
      <top style="dotted">
        <color indexed="64"/>
      </top>
      <bottom style="medium">
        <color indexed="64"/>
      </bottom>
      <diagonal/>
    </border>
    <border>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right style="dotted">
        <color indexed="64"/>
      </right>
      <top style="dotted">
        <color indexed="64"/>
      </top>
      <bottom/>
      <diagonal/>
    </border>
    <border>
      <left/>
      <right style="dotted">
        <color indexed="64"/>
      </right>
      <top/>
      <bottom style="thin">
        <color indexed="64"/>
      </bottom>
      <diagonal/>
    </border>
    <border>
      <left style="dotted">
        <color indexed="64"/>
      </left>
      <right/>
      <top style="dotted">
        <color indexed="64"/>
      </top>
      <bottom style="dotted">
        <color indexed="64"/>
      </bottom>
      <diagonal/>
    </border>
    <border>
      <left/>
      <right style="medium">
        <color indexed="64"/>
      </right>
      <top style="dotted">
        <color indexed="64"/>
      </top>
      <bottom style="dotted">
        <color indexed="64"/>
      </bottom>
      <diagonal/>
    </border>
    <border>
      <left style="dotted">
        <color indexed="64"/>
      </left>
      <right/>
      <top style="dotted">
        <color indexed="64"/>
      </top>
      <bottom style="thin">
        <color indexed="64"/>
      </bottom>
      <diagonal/>
    </border>
    <border>
      <left/>
      <right style="medium">
        <color indexed="64"/>
      </right>
      <top style="dotted">
        <color indexed="64"/>
      </top>
      <bottom style="thin">
        <color indexed="64"/>
      </bottom>
      <diagonal/>
    </border>
    <border>
      <left/>
      <right style="dotted">
        <color indexed="64"/>
      </right>
      <top style="thin">
        <color indexed="64"/>
      </top>
      <bottom/>
      <diagonal/>
    </border>
    <border>
      <left/>
      <right style="thin">
        <color indexed="64"/>
      </right>
      <top style="dotted">
        <color indexed="64"/>
      </top>
      <bottom style="thin">
        <color indexed="64"/>
      </bottom>
      <diagonal/>
    </border>
    <border>
      <left style="dotted">
        <color indexed="64"/>
      </left>
      <right style="dotted">
        <color indexed="64"/>
      </right>
      <top style="medium">
        <color indexed="64"/>
      </top>
      <bottom style="thin">
        <color indexed="64"/>
      </bottom>
      <diagonal/>
    </border>
    <border>
      <left style="dotted">
        <color indexed="64"/>
      </left>
      <right style="medium">
        <color indexed="64"/>
      </right>
      <top style="medium">
        <color indexed="64"/>
      </top>
      <bottom style="thin">
        <color indexed="64"/>
      </bottom>
      <diagonal/>
    </border>
    <border>
      <left style="dotted">
        <color indexed="64"/>
      </left>
      <right/>
      <top/>
      <bottom style="dotted">
        <color indexed="64"/>
      </bottom>
      <diagonal/>
    </border>
    <border>
      <left/>
      <right style="dotted">
        <color indexed="64"/>
      </right>
      <top/>
      <bottom/>
      <diagonal/>
    </border>
    <border>
      <left/>
      <right style="dotted">
        <color indexed="64"/>
      </right>
      <top/>
      <bottom style="medium">
        <color indexed="64"/>
      </bottom>
      <diagonal/>
    </border>
    <border>
      <left/>
      <right style="thin">
        <color indexed="64"/>
      </right>
      <top/>
      <bottom style="dotted">
        <color indexed="64"/>
      </bottom>
      <diagonal/>
    </border>
    <border>
      <left/>
      <right style="thin">
        <color indexed="64"/>
      </right>
      <top/>
      <bottom style="medium">
        <color indexed="64"/>
      </bottom>
      <diagonal/>
    </border>
    <border>
      <left style="thin">
        <color indexed="64"/>
      </left>
      <right style="thin">
        <color indexed="64"/>
      </right>
      <top style="medium">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dotted">
        <color indexed="64"/>
      </left>
      <right style="dotted">
        <color indexed="64"/>
      </right>
      <top/>
      <bottom/>
      <diagonal/>
    </border>
    <border>
      <left style="thin">
        <color indexed="64"/>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dotted">
        <color indexed="64"/>
      </bottom>
      <diagonal/>
    </border>
    <border>
      <left style="thin">
        <color indexed="64"/>
      </left>
      <right style="medium">
        <color indexed="64"/>
      </right>
      <top/>
      <bottom style="dotted">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style="medium">
        <color indexed="64"/>
      </right>
      <top style="thin">
        <color indexed="64"/>
      </top>
      <bottom/>
      <diagonal/>
    </border>
    <border>
      <left/>
      <right style="dotted">
        <color indexed="64"/>
      </right>
      <top style="medium">
        <color indexed="64"/>
      </top>
      <bottom style="dotted">
        <color indexed="64"/>
      </bottom>
      <diagonal/>
    </border>
    <border>
      <left style="dotted">
        <color indexed="64"/>
      </left>
      <right style="dotted">
        <color indexed="64"/>
      </right>
      <top style="medium">
        <color indexed="64"/>
      </top>
      <bottom style="dotted">
        <color indexed="64"/>
      </bottom>
      <diagonal/>
    </border>
    <border>
      <left style="dotted">
        <color indexed="64"/>
      </left>
      <right/>
      <top style="medium">
        <color indexed="64"/>
      </top>
      <bottom style="dotted">
        <color indexed="64"/>
      </bottom>
      <diagonal/>
    </border>
    <border>
      <left/>
      <right style="dotted">
        <color indexed="64"/>
      </right>
      <top style="dotted">
        <color indexed="64"/>
      </top>
      <bottom style="medium">
        <color indexed="64"/>
      </bottom>
      <diagonal/>
    </border>
    <border>
      <left style="dotted">
        <color indexed="64"/>
      </left>
      <right/>
      <top style="dotted">
        <color indexed="64"/>
      </top>
      <bottom style="medium">
        <color indexed="64"/>
      </bottom>
      <diagonal/>
    </border>
    <border>
      <left style="thin">
        <color indexed="64"/>
      </left>
      <right style="thin">
        <color indexed="64"/>
      </right>
      <top/>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top style="dotted">
        <color indexed="64"/>
      </top>
      <bottom style="dotted">
        <color indexed="64"/>
      </bottom>
      <diagonal/>
    </border>
    <border>
      <left/>
      <right style="thin">
        <color indexed="64"/>
      </right>
      <top style="medium">
        <color indexed="64"/>
      </top>
      <bottom style="dotted">
        <color indexed="64"/>
      </bottom>
      <diagonal/>
    </border>
    <border>
      <left style="dotted">
        <color indexed="64"/>
      </left>
      <right style="medium">
        <color indexed="64"/>
      </right>
      <top/>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right/>
      <top/>
      <bottom style="thick">
        <color indexed="64"/>
      </bottom>
      <diagonal/>
    </border>
    <border>
      <left style="medium">
        <color indexed="64"/>
      </left>
      <right/>
      <top/>
      <bottom style="thick">
        <color indexed="64"/>
      </bottom>
      <diagonal/>
    </border>
    <border>
      <left/>
      <right style="medium">
        <color indexed="64"/>
      </right>
      <top/>
      <bottom style="thick">
        <color indexed="64"/>
      </bottom>
      <diagonal/>
    </border>
    <border>
      <left/>
      <right style="thick">
        <color indexed="64"/>
      </right>
      <top/>
      <bottom/>
      <diagonal/>
    </border>
    <border>
      <left/>
      <right style="thick">
        <color indexed="64"/>
      </right>
      <top style="thin">
        <color indexed="64"/>
      </top>
      <bottom/>
      <diagonal/>
    </border>
    <border>
      <left/>
      <right style="thick">
        <color indexed="64"/>
      </right>
      <top/>
      <bottom style="thin">
        <color indexed="64"/>
      </bottom>
      <diagonal/>
    </border>
    <border>
      <left/>
      <right style="thick">
        <color indexed="64"/>
      </right>
      <top/>
      <bottom style="dotted">
        <color indexed="64"/>
      </bottom>
      <diagonal/>
    </border>
    <border>
      <left/>
      <right style="thick">
        <color indexed="64"/>
      </right>
      <top style="dotted">
        <color indexed="64"/>
      </top>
      <bottom style="thin">
        <color indexed="64"/>
      </bottom>
      <diagonal/>
    </border>
    <border>
      <left style="thick">
        <color indexed="64"/>
      </left>
      <right/>
      <top style="thick">
        <color indexed="64"/>
      </top>
      <bottom style="dotted">
        <color indexed="64"/>
      </bottom>
      <diagonal/>
    </border>
    <border>
      <left style="thick">
        <color indexed="64"/>
      </left>
      <right/>
      <top style="dotted">
        <color indexed="64"/>
      </top>
      <bottom/>
      <diagonal/>
    </border>
    <border>
      <left style="thick">
        <color indexed="64"/>
      </left>
      <right/>
      <top style="dotted">
        <color indexed="64"/>
      </top>
      <bottom style="thin">
        <color indexed="64"/>
      </bottom>
      <diagonal/>
    </border>
    <border>
      <left style="thick">
        <color indexed="64"/>
      </left>
      <right/>
      <top/>
      <bottom style="thin">
        <color indexed="64"/>
      </bottom>
      <diagonal/>
    </border>
    <border>
      <left style="thick">
        <color indexed="64"/>
      </left>
      <right/>
      <top style="thin">
        <color indexed="64"/>
      </top>
      <bottom style="dotted">
        <color indexed="64"/>
      </bottom>
      <diagonal/>
    </border>
    <border>
      <left style="thick">
        <color indexed="64"/>
      </left>
      <right/>
      <top/>
      <bottom style="dotted">
        <color indexed="64"/>
      </bottom>
      <diagonal/>
    </border>
    <border>
      <left/>
      <right style="dotted">
        <color indexed="64"/>
      </right>
      <top/>
      <bottom style="thick">
        <color indexed="64"/>
      </bottom>
      <diagonal/>
    </border>
    <border>
      <left style="thick">
        <color indexed="64"/>
      </left>
      <right/>
      <top style="thin">
        <color indexed="64"/>
      </top>
      <bottom/>
      <diagonal/>
    </border>
    <border>
      <left style="thick">
        <color indexed="64"/>
      </left>
      <right/>
      <top/>
      <bottom/>
      <diagonal/>
    </border>
    <border>
      <left style="thick">
        <color indexed="64"/>
      </left>
      <right/>
      <top/>
      <bottom style="thick">
        <color indexed="64"/>
      </bottom>
      <diagonal/>
    </border>
    <border>
      <left/>
      <right/>
      <top style="thick">
        <color indexed="64"/>
      </top>
      <bottom style="thin">
        <color indexed="64"/>
      </bottom>
      <diagonal/>
    </border>
    <border>
      <left/>
      <right style="dotted">
        <color indexed="64"/>
      </right>
      <top style="thick">
        <color indexed="64"/>
      </top>
      <bottom style="thin">
        <color indexed="64"/>
      </bottom>
      <diagonal/>
    </border>
    <border>
      <left style="dotted">
        <color indexed="64"/>
      </left>
      <right style="dotted">
        <color indexed="64"/>
      </right>
      <top style="thick">
        <color indexed="64"/>
      </top>
      <bottom style="thin">
        <color indexed="64"/>
      </bottom>
      <diagonal/>
    </border>
    <border>
      <left style="dotted">
        <color indexed="64"/>
      </left>
      <right/>
      <top style="thick">
        <color indexed="64"/>
      </top>
      <bottom style="thin">
        <color indexed="64"/>
      </bottom>
      <diagonal/>
    </border>
    <border>
      <left style="thick">
        <color indexed="64"/>
      </left>
      <right/>
      <top style="thick">
        <color indexed="64"/>
      </top>
      <bottom style="thin">
        <color indexed="64"/>
      </bottom>
      <diagonal/>
    </border>
    <border>
      <left style="thick">
        <color indexed="64"/>
      </left>
      <right/>
      <top style="thin">
        <color indexed="64"/>
      </top>
      <bottom style="thick">
        <color indexed="64"/>
      </bottom>
      <diagonal/>
    </border>
    <border>
      <left/>
      <right/>
      <top style="thin">
        <color indexed="64"/>
      </top>
      <bottom style="thick">
        <color indexed="64"/>
      </bottom>
      <diagonal/>
    </border>
    <border>
      <left/>
      <right style="dotted">
        <color indexed="64"/>
      </right>
      <top style="thin">
        <color indexed="64"/>
      </top>
      <bottom style="thick">
        <color indexed="64"/>
      </bottom>
      <diagonal/>
    </border>
    <border>
      <left/>
      <right/>
      <top style="thick">
        <color indexed="64"/>
      </top>
      <bottom/>
      <diagonal/>
    </border>
    <border>
      <left/>
      <right style="thin">
        <color indexed="64"/>
      </right>
      <top style="thick">
        <color indexed="64"/>
      </top>
      <bottom style="thin">
        <color indexed="64"/>
      </bottom>
      <diagonal/>
    </border>
    <border>
      <left style="medium">
        <color indexed="64"/>
      </left>
      <right style="thin">
        <color indexed="64"/>
      </right>
      <top style="thick">
        <color indexed="64"/>
      </top>
      <bottom style="thin">
        <color indexed="64"/>
      </bottom>
      <diagonal/>
    </border>
    <border>
      <left style="medium">
        <color indexed="64"/>
      </left>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top style="thick">
        <color indexed="64"/>
      </top>
      <bottom style="thin">
        <color indexed="64"/>
      </bottom>
      <diagonal/>
    </border>
    <border>
      <left/>
      <right style="medium">
        <color indexed="64"/>
      </right>
      <top style="thick">
        <color indexed="64"/>
      </top>
      <bottom style="thin">
        <color indexed="64"/>
      </bottom>
      <diagonal/>
    </border>
    <border>
      <left/>
      <right style="thick">
        <color indexed="64"/>
      </right>
      <top/>
      <bottom style="thick">
        <color indexed="64"/>
      </bottom>
      <diagonal/>
    </border>
    <border>
      <left/>
      <right/>
      <top style="thick">
        <color indexed="64"/>
      </top>
      <bottom style="dotted">
        <color indexed="64"/>
      </bottom>
      <diagonal/>
    </border>
    <border>
      <left/>
      <right style="thick">
        <color indexed="64"/>
      </right>
      <top style="thick">
        <color indexed="64"/>
      </top>
      <bottom/>
      <diagonal/>
    </border>
    <border>
      <left style="dotted">
        <color indexed="64"/>
      </left>
      <right/>
      <top/>
      <bottom style="thick">
        <color indexed="64"/>
      </bottom>
      <diagonal/>
    </border>
    <border>
      <left/>
      <right style="thin">
        <color indexed="64"/>
      </right>
      <top/>
      <bottom style="thick">
        <color indexed="64"/>
      </bottom>
      <diagonal/>
    </border>
    <border>
      <left/>
      <right style="thick">
        <color indexed="64"/>
      </right>
      <top style="thin">
        <color indexed="64"/>
      </top>
      <bottom style="dotted">
        <color indexed="64"/>
      </bottom>
      <diagonal/>
    </border>
    <border>
      <left/>
      <right style="thick">
        <color indexed="64"/>
      </right>
      <top style="dotted">
        <color indexed="64"/>
      </top>
      <bottom style="dotted">
        <color indexed="64"/>
      </bottom>
      <diagonal/>
    </border>
    <border>
      <left style="thin">
        <color indexed="64"/>
      </left>
      <right/>
      <top style="dotted">
        <color indexed="64"/>
      </top>
      <bottom style="thick">
        <color indexed="64"/>
      </bottom>
      <diagonal/>
    </border>
    <border>
      <left/>
      <right/>
      <top style="dotted">
        <color indexed="64"/>
      </top>
      <bottom style="thick">
        <color indexed="64"/>
      </bottom>
      <diagonal/>
    </border>
    <border>
      <left/>
      <right style="thin">
        <color indexed="64"/>
      </right>
      <top style="dotted">
        <color indexed="64"/>
      </top>
      <bottom style="thick">
        <color indexed="64"/>
      </bottom>
      <diagonal/>
    </border>
    <border>
      <left style="medium">
        <color indexed="64"/>
      </left>
      <right style="thick">
        <color indexed="64"/>
      </right>
      <top style="medium">
        <color indexed="64"/>
      </top>
      <bottom/>
      <diagonal/>
    </border>
    <border>
      <left style="medium">
        <color indexed="64"/>
      </left>
      <right style="thick">
        <color indexed="64"/>
      </right>
      <top/>
      <bottom/>
      <diagonal/>
    </border>
    <border>
      <left style="medium">
        <color indexed="64"/>
      </left>
      <right style="thick">
        <color indexed="64"/>
      </right>
      <top/>
      <bottom style="medium">
        <color indexed="64"/>
      </bottom>
      <diagonal/>
    </border>
    <border>
      <left style="thin">
        <color indexed="64"/>
      </left>
      <right/>
      <top style="thick">
        <color indexed="64"/>
      </top>
      <bottom style="dotted">
        <color indexed="64"/>
      </bottom>
      <diagonal/>
    </border>
    <border>
      <left/>
      <right style="thin">
        <color indexed="64"/>
      </right>
      <top style="thick">
        <color indexed="64"/>
      </top>
      <bottom style="dotted">
        <color indexed="64"/>
      </bottom>
      <diagonal/>
    </border>
    <border>
      <left/>
      <right style="thick">
        <color indexed="64"/>
      </right>
      <top style="thick">
        <color indexed="64"/>
      </top>
      <bottom style="dotted">
        <color indexed="64"/>
      </bottom>
      <diagonal/>
    </border>
    <border>
      <left/>
      <right style="thick">
        <color indexed="64"/>
      </right>
      <top style="dotted">
        <color indexed="64"/>
      </top>
      <bottom style="thick">
        <color indexed="64"/>
      </bottom>
      <diagonal/>
    </border>
    <border>
      <left style="thin">
        <color indexed="64"/>
      </left>
      <right/>
      <top/>
      <bottom style="thick">
        <color indexed="64"/>
      </bottom>
      <diagonal/>
    </border>
    <border>
      <left style="medium">
        <color indexed="64"/>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top style="thin">
        <color indexed="64"/>
      </top>
      <bottom style="thick">
        <color indexed="64"/>
      </bottom>
      <diagonal/>
    </border>
    <border>
      <left/>
      <right style="medium">
        <color indexed="64"/>
      </right>
      <top style="thin">
        <color indexed="64"/>
      </top>
      <bottom style="thick">
        <color indexed="64"/>
      </bottom>
      <diagonal/>
    </border>
    <border>
      <left style="thick">
        <color indexed="64"/>
      </left>
      <right/>
      <top style="thick">
        <color indexed="64"/>
      </top>
      <bottom/>
      <diagonal/>
    </border>
    <border>
      <left style="thick">
        <color indexed="64"/>
      </left>
      <right style="thick">
        <color indexed="64"/>
      </right>
      <top style="thick">
        <color indexed="64"/>
      </top>
      <bottom style="thick">
        <color indexed="64"/>
      </bottom>
      <diagonal/>
    </border>
    <border>
      <left style="thick">
        <color indexed="64"/>
      </left>
      <right/>
      <top style="thick">
        <color indexed="64"/>
      </top>
      <bottom style="thick">
        <color indexed="64"/>
      </bottom>
      <diagonal/>
    </border>
    <border>
      <left style="dotted">
        <color indexed="64"/>
      </left>
      <right style="dotted">
        <color indexed="64"/>
      </right>
      <top style="thin">
        <color indexed="64"/>
      </top>
      <bottom style="thick">
        <color indexed="64"/>
      </bottom>
      <diagonal/>
    </border>
    <border>
      <left style="dotted">
        <color indexed="64"/>
      </left>
      <right style="medium">
        <color indexed="64"/>
      </right>
      <top style="thin">
        <color indexed="64"/>
      </top>
      <bottom style="thick">
        <color indexed="64"/>
      </bottom>
      <diagonal/>
    </border>
    <border>
      <left/>
      <right style="thick">
        <color indexed="64"/>
      </right>
      <top style="thick">
        <color indexed="64"/>
      </top>
      <bottom style="thin">
        <color indexed="64"/>
      </bottom>
      <diagonal/>
    </border>
    <border>
      <left style="thin">
        <color indexed="64"/>
      </left>
      <right style="thin">
        <color indexed="64"/>
      </right>
      <top style="thin">
        <color indexed="64"/>
      </top>
      <bottom style="thick">
        <color indexed="64"/>
      </bottom>
      <diagonal/>
    </border>
    <border>
      <left style="thick">
        <color indexed="64"/>
      </left>
      <right style="thin">
        <color indexed="64"/>
      </right>
      <top style="thin">
        <color indexed="64"/>
      </top>
      <bottom style="thick">
        <color indexed="64"/>
      </bottom>
      <diagonal/>
    </border>
    <border>
      <left style="thick">
        <color indexed="64"/>
      </left>
      <right style="thin">
        <color indexed="64"/>
      </right>
      <top style="thin">
        <color indexed="64"/>
      </top>
      <bottom style="thin">
        <color indexed="64"/>
      </bottom>
      <diagonal/>
    </border>
    <border>
      <left/>
      <right style="dotted">
        <color indexed="64"/>
      </right>
      <top style="dotted">
        <color indexed="64"/>
      </top>
      <bottom style="dotted">
        <color indexed="64"/>
      </bottom>
      <diagonal/>
    </border>
    <border>
      <left/>
      <right style="thick">
        <color indexed="64"/>
      </right>
      <top style="dotted">
        <color indexed="64"/>
      </top>
      <bottom/>
      <diagonal/>
    </border>
    <border>
      <left style="dotted">
        <color indexed="64"/>
      </left>
      <right/>
      <top style="thick">
        <color indexed="64"/>
      </top>
      <bottom style="dotted">
        <color indexed="64"/>
      </bottom>
      <diagonal/>
    </border>
    <border>
      <left/>
      <right style="medium">
        <color indexed="64"/>
      </right>
      <top style="thick">
        <color indexed="64"/>
      </top>
      <bottom style="dotted">
        <color indexed="64"/>
      </bottom>
      <diagonal/>
    </border>
    <border>
      <left style="dotted">
        <color indexed="64"/>
      </left>
      <right style="thin">
        <color indexed="64"/>
      </right>
      <top style="medium">
        <color indexed="64"/>
      </top>
      <bottom style="thin">
        <color indexed="64"/>
      </bottom>
      <diagonal/>
    </border>
    <border>
      <left style="dotted">
        <color indexed="64"/>
      </left>
      <right/>
      <top style="medium">
        <color indexed="64"/>
      </top>
      <bottom style="thin">
        <color indexed="64"/>
      </bottom>
      <diagonal/>
    </border>
    <border>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style="thin">
        <color indexed="64"/>
      </top>
      <bottom style="thin">
        <color indexed="64"/>
      </bottom>
      <diagonal/>
    </border>
    <border>
      <left style="dotted">
        <color indexed="64"/>
      </left>
      <right style="medium">
        <color indexed="64"/>
      </right>
      <top style="thin">
        <color indexed="64"/>
      </top>
      <bottom style="thin">
        <color indexed="64"/>
      </bottom>
      <diagonal/>
    </border>
  </borders>
  <cellStyleXfs count="42">
    <xf numFmtId="0" fontId="0" fillId="0" borderId="0">
      <alignment vertical="center"/>
    </xf>
    <xf numFmtId="0" fontId="25" fillId="5" borderId="0" applyNumberFormat="0" applyBorder="0" applyAlignment="0" applyProtection="0">
      <alignment vertical="center"/>
    </xf>
    <xf numFmtId="0" fontId="25" fillId="6" borderId="0" applyNumberFormat="0" applyBorder="0" applyAlignment="0" applyProtection="0">
      <alignment vertical="center"/>
    </xf>
    <xf numFmtId="0" fontId="25" fillId="7" borderId="0" applyNumberFormat="0" applyBorder="0" applyAlignment="0" applyProtection="0">
      <alignment vertical="center"/>
    </xf>
    <xf numFmtId="0" fontId="25" fillId="8" borderId="0" applyNumberFormat="0" applyBorder="0" applyAlignment="0" applyProtection="0">
      <alignment vertical="center"/>
    </xf>
    <xf numFmtId="0" fontId="25" fillId="9" borderId="0" applyNumberFormat="0" applyBorder="0" applyAlignment="0" applyProtection="0">
      <alignment vertical="center"/>
    </xf>
    <xf numFmtId="0" fontId="25" fillId="10" borderId="0" applyNumberFormat="0" applyBorder="0" applyAlignment="0" applyProtection="0">
      <alignment vertical="center"/>
    </xf>
    <xf numFmtId="0" fontId="25" fillId="11" borderId="0" applyNumberFormat="0" applyBorder="0" applyAlignment="0" applyProtection="0">
      <alignment vertical="center"/>
    </xf>
    <xf numFmtId="0" fontId="25" fillId="12" borderId="0" applyNumberFormat="0" applyBorder="0" applyAlignment="0" applyProtection="0">
      <alignment vertical="center"/>
    </xf>
    <xf numFmtId="0" fontId="25" fillId="13" borderId="0" applyNumberFormat="0" applyBorder="0" applyAlignment="0" applyProtection="0">
      <alignment vertical="center"/>
    </xf>
    <xf numFmtId="0" fontId="25" fillId="14" borderId="0" applyNumberFormat="0" applyBorder="0" applyAlignment="0" applyProtection="0">
      <alignment vertical="center"/>
    </xf>
    <xf numFmtId="0" fontId="25" fillId="15" borderId="0" applyNumberFormat="0" applyBorder="0" applyAlignment="0" applyProtection="0">
      <alignment vertical="center"/>
    </xf>
    <xf numFmtId="0" fontId="25" fillId="16" borderId="0" applyNumberFormat="0" applyBorder="0" applyAlignment="0" applyProtection="0">
      <alignment vertical="center"/>
    </xf>
    <xf numFmtId="0" fontId="26" fillId="17" borderId="0" applyNumberFormat="0" applyBorder="0" applyAlignment="0" applyProtection="0">
      <alignment vertical="center"/>
    </xf>
    <xf numFmtId="0" fontId="26" fillId="18" borderId="0" applyNumberFormat="0" applyBorder="0" applyAlignment="0" applyProtection="0">
      <alignment vertical="center"/>
    </xf>
    <xf numFmtId="0" fontId="26" fillId="19" borderId="0" applyNumberFormat="0" applyBorder="0" applyAlignment="0" applyProtection="0">
      <alignment vertical="center"/>
    </xf>
    <xf numFmtId="0" fontId="26" fillId="20" borderId="0" applyNumberFormat="0" applyBorder="0" applyAlignment="0" applyProtection="0">
      <alignment vertical="center"/>
    </xf>
    <xf numFmtId="0" fontId="26" fillId="21" borderId="0" applyNumberFormat="0" applyBorder="0" applyAlignment="0" applyProtection="0">
      <alignment vertical="center"/>
    </xf>
    <xf numFmtId="0" fontId="26" fillId="22" borderId="0" applyNumberFormat="0" applyBorder="0" applyAlignment="0" applyProtection="0">
      <alignment vertical="center"/>
    </xf>
    <xf numFmtId="0" fontId="26" fillId="23" borderId="0" applyNumberFormat="0" applyBorder="0" applyAlignment="0" applyProtection="0">
      <alignment vertical="center"/>
    </xf>
    <xf numFmtId="0" fontId="26" fillId="24" borderId="0" applyNumberFormat="0" applyBorder="0" applyAlignment="0" applyProtection="0">
      <alignment vertical="center"/>
    </xf>
    <xf numFmtId="0" fontId="26" fillId="25" borderId="0" applyNumberFormat="0" applyBorder="0" applyAlignment="0" applyProtection="0">
      <alignment vertical="center"/>
    </xf>
    <xf numFmtId="0" fontId="26" fillId="26" borderId="0" applyNumberFormat="0" applyBorder="0" applyAlignment="0" applyProtection="0">
      <alignment vertical="center"/>
    </xf>
    <xf numFmtId="0" fontId="26" fillId="27" borderId="0" applyNumberFormat="0" applyBorder="0" applyAlignment="0" applyProtection="0">
      <alignment vertical="center"/>
    </xf>
    <xf numFmtId="0" fontId="26" fillId="28" borderId="0" applyNumberFormat="0" applyBorder="0" applyAlignment="0" applyProtection="0">
      <alignment vertical="center"/>
    </xf>
    <xf numFmtId="0" fontId="27" fillId="0" borderId="0" applyNumberFormat="0" applyFill="0" applyBorder="0" applyAlignment="0" applyProtection="0">
      <alignment vertical="center"/>
    </xf>
    <xf numFmtId="0" fontId="28" fillId="29" borderId="122" applyNumberFormat="0" applyAlignment="0" applyProtection="0">
      <alignment vertical="center"/>
    </xf>
    <xf numFmtId="0" fontId="29" fillId="30" borderId="0" applyNumberFormat="0" applyBorder="0" applyAlignment="0" applyProtection="0">
      <alignment vertical="center"/>
    </xf>
    <xf numFmtId="0" fontId="25" fillId="4" borderId="123" applyNumberFormat="0" applyAlignment="0" applyProtection="0">
      <alignment vertical="center"/>
    </xf>
    <xf numFmtId="0" fontId="30" fillId="0" borderId="124" applyNumberFormat="0" applyFill="0" applyAlignment="0" applyProtection="0">
      <alignment vertical="center"/>
    </xf>
    <xf numFmtId="0" fontId="31" fillId="31" borderId="0" applyNumberFormat="0" applyBorder="0" applyAlignment="0" applyProtection="0">
      <alignment vertical="center"/>
    </xf>
    <xf numFmtId="0" fontId="32" fillId="32" borderId="125" applyNumberFormat="0" applyAlignment="0" applyProtection="0">
      <alignment vertical="center"/>
    </xf>
    <xf numFmtId="0" fontId="33" fillId="0" borderId="0" applyNumberFormat="0" applyFill="0" applyBorder="0" applyAlignment="0" applyProtection="0">
      <alignment vertical="center"/>
    </xf>
    <xf numFmtId="0" fontId="34" fillId="0" borderId="126" applyNumberFormat="0" applyFill="0" applyAlignment="0" applyProtection="0">
      <alignment vertical="center"/>
    </xf>
    <xf numFmtId="0" fontId="35" fillId="0" borderId="127" applyNumberFormat="0" applyFill="0" applyAlignment="0" applyProtection="0">
      <alignment vertical="center"/>
    </xf>
    <xf numFmtId="0" fontId="36" fillId="0" borderId="128" applyNumberFormat="0" applyFill="0" applyAlignment="0" applyProtection="0">
      <alignment vertical="center"/>
    </xf>
    <xf numFmtId="0" fontId="36" fillId="0" borderId="0" applyNumberFormat="0" applyFill="0" applyBorder="0" applyAlignment="0" applyProtection="0">
      <alignment vertical="center"/>
    </xf>
    <xf numFmtId="0" fontId="37" fillId="0" borderId="129" applyNumberFormat="0" applyFill="0" applyAlignment="0" applyProtection="0">
      <alignment vertical="center"/>
    </xf>
    <xf numFmtId="0" fontId="38" fillId="32" borderId="130" applyNumberFormat="0" applyAlignment="0" applyProtection="0">
      <alignment vertical="center"/>
    </xf>
    <xf numFmtId="0" fontId="39" fillId="0" borderId="0" applyNumberFormat="0" applyFill="0" applyBorder="0" applyAlignment="0" applyProtection="0">
      <alignment vertical="center"/>
    </xf>
    <xf numFmtId="0" fontId="40" fillId="2" borderId="125" applyNumberFormat="0" applyAlignment="0" applyProtection="0">
      <alignment vertical="center"/>
    </xf>
    <xf numFmtId="0" fontId="41" fillId="33" borderId="0" applyNumberFormat="0" applyBorder="0" applyAlignment="0" applyProtection="0">
      <alignment vertical="center"/>
    </xf>
  </cellStyleXfs>
  <cellXfs count="1301">
    <xf numFmtId="0" fontId="0" fillId="0" borderId="0" xfId="0" applyFont="1" applyAlignment="1">
      <alignment vertical="center"/>
    </xf>
    <xf numFmtId="0" fontId="11" fillId="0" borderId="0" xfId="0" applyFont="1" applyFill="1" applyAlignment="1" applyProtection="1"/>
    <xf numFmtId="0" fontId="11" fillId="0" borderId="0" xfId="0" applyFont="1" applyAlignment="1" applyProtection="1"/>
    <xf numFmtId="0" fontId="14" fillId="0" borderId="0" xfId="0" applyFont="1" applyFill="1" applyAlignment="1" applyProtection="1"/>
    <xf numFmtId="0" fontId="14" fillId="0" borderId="0" xfId="0" applyFont="1" applyAlignment="1" applyProtection="1"/>
    <xf numFmtId="0" fontId="11" fillId="0" borderId="0" xfId="0" applyFont="1" applyFill="1" applyAlignment="1" applyProtection="1">
      <alignment shrinkToFit="1"/>
    </xf>
    <xf numFmtId="0" fontId="11" fillId="0" borderId="0" xfId="0" applyFont="1" applyAlignment="1" applyProtection="1">
      <alignment shrinkToFit="1"/>
    </xf>
    <xf numFmtId="0" fontId="13" fillId="0" borderId="0" xfId="0" applyFont="1" applyFill="1" applyAlignment="1" applyProtection="1">
      <alignment vertical="center"/>
    </xf>
    <xf numFmtId="0" fontId="13" fillId="0" borderId="0" xfId="0" applyFont="1" applyFill="1" applyAlignment="1" applyProtection="1">
      <alignment vertical="center" shrinkToFit="1"/>
    </xf>
    <xf numFmtId="0" fontId="13" fillId="0" borderId="0" xfId="0" applyFont="1" applyAlignment="1" applyProtection="1">
      <alignment vertical="center" shrinkToFit="1"/>
    </xf>
    <xf numFmtId="0" fontId="13" fillId="0" borderId="0" xfId="0" applyFont="1" applyAlignment="1" applyProtection="1">
      <alignment vertical="center"/>
    </xf>
    <xf numFmtId="0" fontId="14" fillId="0" borderId="0" xfId="0" applyFont="1" applyFill="1" applyAlignment="1" applyProtection="1">
      <alignment vertical="center"/>
    </xf>
    <xf numFmtId="0" fontId="14" fillId="0" borderId="0" xfId="0" applyFont="1" applyFill="1" applyAlignment="1" applyProtection="1">
      <alignment vertical="center" shrinkToFit="1"/>
    </xf>
    <xf numFmtId="0" fontId="14" fillId="0" borderId="0" xfId="0" applyFont="1" applyAlignment="1" applyProtection="1">
      <alignment vertical="center" shrinkToFit="1"/>
    </xf>
    <xf numFmtId="0" fontId="14" fillId="0" borderId="0" xfId="0" applyFont="1" applyAlignment="1" applyProtection="1">
      <alignment vertical="center"/>
    </xf>
    <xf numFmtId="0" fontId="16" fillId="0" borderId="0" xfId="0" applyFont="1" applyFill="1" applyBorder="1" applyAlignment="1" applyProtection="1">
      <alignment vertical="center" shrinkToFit="1"/>
    </xf>
    <xf numFmtId="0" fontId="14" fillId="0" borderId="0" xfId="0" applyFont="1" applyFill="1" applyAlignment="1" applyProtection="1">
      <alignment shrinkToFit="1"/>
    </xf>
    <xf numFmtId="0" fontId="14" fillId="0" borderId="0" xfId="0" applyFont="1" applyAlignment="1" applyProtection="1">
      <alignment shrinkToFit="1"/>
    </xf>
    <xf numFmtId="0" fontId="14" fillId="0" borderId="0" xfId="0" applyFont="1" applyFill="1" applyAlignment="1" applyProtection="1">
      <alignment vertical="top"/>
    </xf>
    <xf numFmtId="0" fontId="14" fillId="0" borderId="0" xfId="0" applyFont="1" applyFill="1" applyAlignment="1" applyProtection="1">
      <alignment vertical="top" shrinkToFit="1"/>
    </xf>
    <xf numFmtId="0" fontId="14" fillId="0" borderId="0" xfId="0" applyFont="1" applyAlignment="1" applyProtection="1">
      <alignment vertical="top" shrinkToFit="1"/>
    </xf>
    <xf numFmtId="0" fontId="14" fillId="0" borderId="0" xfId="0" applyFont="1" applyAlignment="1" applyProtection="1">
      <alignment vertical="top"/>
    </xf>
    <xf numFmtId="0" fontId="11" fillId="0" borderId="0" xfId="0" applyFont="1" applyFill="1" applyBorder="1" applyAlignment="1" applyProtection="1"/>
    <xf numFmtId="0" fontId="11" fillId="0" borderId="19" xfId="0" applyFont="1" applyFill="1" applyBorder="1" applyAlignment="1" applyProtection="1"/>
    <xf numFmtId="0" fontId="11" fillId="0" borderId="20" xfId="0" applyFont="1" applyFill="1" applyBorder="1" applyAlignment="1" applyProtection="1">
      <alignment horizontal="left"/>
    </xf>
    <xf numFmtId="0" fontId="11" fillId="0" borderId="21" xfId="0" applyFont="1" applyFill="1" applyBorder="1" applyAlignment="1" applyProtection="1">
      <alignment horizontal="left"/>
    </xf>
    <xf numFmtId="0" fontId="11" fillId="0" borderId="0" xfId="0" applyFont="1" applyFill="1" applyBorder="1" applyAlignment="1" applyProtection="1">
      <alignment horizontal="left"/>
    </xf>
    <xf numFmtId="0" fontId="11" fillId="0" borderId="19" xfId="0" applyFont="1" applyFill="1" applyBorder="1" applyAlignment="1" applyProtection="1">
      <alignment horizontal="left"/>
    </xf>
    <xf numFmtId="0" fontId="11" fillId="0" borderId="22" xfId="0" applyFont="1" applyFill="1" applyBorder="1" applyAlignment="1" applyProtection="1">
      <alignment horizontal="left"/>
    </xf>
    <xf numFmtId="0" fontId="11" fillId="0" borderId="23" xfId="0" applyFont="1" applyFill="1" applyBorder="1" applyAlignment="1" applyProtection="1"/>
    <xf numFmtId="0" fontId="11" fillId="0" borderId="10" xfId="0" applyFont="1" applyFill="1" applyBorder="1" applyAlignment="1" applyProtection="1"/>
    <xf numFmtId="0" fontId="11" fillId="0" borderId="10" xfId="0" applyFont="1" applyFill="1" applyBorder="1" applyAlignment="1" applyProtection="1">
      <alignment horizontal="left"/>
    </xf>
    <xf numFmtId="0" fontId="11" fillId="0" borderId="0" xfId="0" applyFont="1" applyFill="1" applyBorder="1" applyAlignment="1" applyProtection="1">
      <alignment horizontal="center"/>
    </xf>
    <xf numFmtId="0" fontId="11" fillId="0" borderId="23" xfId="0" applyFont="1" applyFill="1" applyBorder="1" applyAlignment="1" applyProtection="1">
      <alignment horizontal="left"/>
    </xf>
    <xf numFmtId="0" fontId="10" fillId="0" borderId="0" xfId="0" applyFont="1" applyFill="1" applyBorder="1" applyAlignment="1" applyProtection="1">
      <alignment horizontal="left" vertical="top" wrapText="1"/>
    </xf>
    <xf numFmtId="0" fontId="10" fillId="0" borderId="0" xfId="0" applyFont="1" applyFill="1" applyBorder="1" applyAlignment="1" applyProtection="1">
      <alignment horizontal="left" vertical="top"/>
    </xf>
    <xf numFmtId="0" fontId="17" fillId="0" borderId="0" xfId="0" applyFont="1" applyFill="1" applyAlignment="1" applyProtection="1"/>
    <xf numFmtId="0" fontId="6" fillId="0" borderId="24" xfId="0" applyFont="1" applyBorder="1" applyAlignment="1">
      <alignment vertical="center"/>
    </xf>
    <xf numFmtId="0" fontId="19" fillId="3" borderId="25" xfId="0" applyFont="1" applyFill="1" applyBorder="1" applyAlignment="1" applyProtection="1">
      <alignment vertical="center"/>
    </xf>
    <xf numFmtId="0" fontId="19" fillId="3" borderId="16" xfId="0" applyFont="1" applyFill="1" applyBorder="1" applyAlignment="1" applyProtection="1">
      <alignment vertical="center"/>
    </xf>
    <xf numFmtId="0" fontId="6" fillId="3" borderId="27" xfId="0" applyFont="1" applyFill="1" applyBorder="1" applyAlignment="1" applyProtection="1">
      <alignment vertical="center"/>
    </xf>
    <xf numFmtId="0" fontId="9" fillId="3" borderId="2" xfId="0" applyFont="1" applyFill="1" applyBorder="1" applyAlignment="1" applyProtection="1">
      <alignment vertical="center"/>
    </xf>
    <xf numFmtId="0" fontId="19" fillId="3" borderId="0" xfId="0" applyFont="1" applyFill="1" applyBorder="1" applyAlignment="1" applyProtection="1">
      <alignment vertical="center"/>
    </xf>
    <xf numFmtId="0" fontId="19" fillId="3" borderId="0" xfId="0" applyFont="1" applyFill="1" applyBorder="1" applyAlignment="1" applyProtection="1">
      <alignment horizontal="center" vertical="center"/>
    </xf>
    <xf numFmtId="0" fontId="19" fillId="3" borderId="2" xfId="0" applyFont="1" applyFill="1" applyBorder="1" applyAlignment="1" applyProtection="1">
      <alignment vertical="center"/>
    </xf>
    <xf numFmtId="0" fontId="19" fillId="3" borderId="31" xfId="0" applyFont="1" applyFill="1" applyBorder="1" applyAlignment="1" applyProtection="1">
      <alignment vertical="center"/>
    </xf>
    <xf numFmtId="0" fontId="9" fillId="3" borderId="0" xfId="0" applyFont="1" applyFill="1" applyBorder="1" applyAlignment="1" applyProtection="1">
      <alignment vertical="center"/>
    </xf>
    <xf numFmtId="0" fontId="19" fillId="3" borderId="2" xfId="0" applyFont="1" applyFill="1" applyBorder="1" applyAlignment="1" applyProtection="1">
      <alignment horizontal="left" vertical="center"/>
    </xf>
    <xf numFmtId="0" fontId="19" fillId="3" borderId="3" xfId="0" applyFont="1" applyFill="1" applyBorder="1" applyAlignment="1" applyProtection="1">
      <alignment vertical="center"/>
    </xf>
    <xf numFmtId="0" fontId="9" fillId="0" borderId="2" xfId="0" applyFont="1" applyBorder="1" applyAlignment="1">
      <alignment vertical="center"/>
    </xf>
    <xf numFmtId="0" fontId="19" fillId="3" borderId="34" xfId="0" applyFont="1" applyFill="1" applyBorder="1" applyAlignment="1" applyProtection="1">
      <alignment vertical="center" shrinkToFit="1"/>
    </xf>
    <xf numFmtId="0" fontId="19" fillId="3" borderId="34" xfId="0" applyFont="1" applyFill="1" applyBorder="1" applyAlignment="1" applyProtection="1">
      <alignment vertical="center"/>
    </xf>
    <xf numFmtId="0" fontId="19" fillId="0" borderId="34" xfId="0" applyFont="1" applyBorder="1" applyAlignment="1" applyProtection="1">
      <alignment vertical="top" shrinkToFit="1"/>
    </xf>
    <xf numFmtId="0" fontId="19" fillId="3" borderId="34" xfId="0" applyFont="1" applyFill="1" applyBorder="1" applyAlignment="1" applyProtection="1">
      <alignment vertical="top" shrinkToFit="1"/>
    </xf>
    <xf numFmtId="0" fontId="19" fillId="3" borderId="37" xfId="0" applyFont="1" applyFill="1" applyBorder="1" applyAlignment="1" applyProtection="1">
      <alignment vertical="center"/>
    </xf>
    <xf numFmtId="0" fontId="9" fillId="3" borderId="0" xfId="0" applyFont="1" applyFill="1" applyBorder="1" applyAlignment="1" applyProtection="1">
      <alignment vertical="top"/>
    </xf>
    <xf numFmtId="0" fontId="19" fillId="3" borderId="28" xfId="0" applyFont="1" applyFill="1" applyBorder="1" applyAlignment="1" applyProtection="1">
      <alignment horizontal="left" vertical="center"/>
    </xf>
    <xf numFmtId="0" fontId="9" fillId="3" borderId="3" xfId="0" applyFont="1" applyFill="1" applyBorder="1" applyAlignment="1" applyProtection="1">
      <alignment vertical="top"/>
    </xf>
    <xf numFmtId="0" fontId="9" fillId="3" borderId="46" xfId="0" applyFont="1" applyFill="1" applyBorder="1" applyAlignment="1" applyProtection="1">
      <alignment horizontal="right" vertical="top" wrapText="1" shrinkToFit="1"/>
    </xf>
    <xf numFmtId="0" fontId="19" fillId="0" borderId="47" xfId="0" applyFont="1" applyFill="1" applyBorder="1" applyAlignment="1" applyProtection="1">
      <alignment vertical="center" shrinkToFit="1"/>
    </xf>
    <xf numFmtId="0" fontId="19" fillId="0" borderId="48" xfId="0" applyFont="1" applyFill="1" applyBorder="1" applyAlignment="1" applyProtection="1">
      <alignment vertical="center" shrinkToFit="1"/>
    </xf>
    <xf numFmtId="0" fontId="19" fillId="34" borderId="0" xfId="0" applyFont="1" applyFill="1" applyBorder="1" applyAlignment="1" applyProtection="1">
      <alignment vertical="center"/>
    </xf>
    <xf numFmtId="0" fontId="6" fillId="34" borderId="0" xfId="0" applyFont="1" applyFill="1" applyBorder="1" applyAlignment="1" applyProtection="1">
      <alignment vertical="center"/>
    </xf>
    <xf numFmtId="0" fontId="19" fillId="34" borderId="25" xfId="0" applyFont="1" applyFill="1" applyBorder="1" applyAlignment="1" applyProtection="1">
      <alignment vertical="center"/>
    </xf>
    <xf numFmtId="0" fontId="19" fillId="34" borderId="26" xfId="0" applyFont="1" applyFill="1" applyBorder="1" applyAlignment="1" applyProtection="1">
      <alignment vertical="center"/>
    </xf>
    <xf numFmtId="0" fontId="19" fillId="34" borderId="16" xfId="0" applyFont="1" applyFill="1" applyBorder="1" applyAlignment="1" applyProtection="1">
      <alignment vertical="center"/>
    </xf>
    <xf numFmtId="0" fontId="19" fillId="34" borderId="2" xfId="0" applyFont="1" applyFill="1" applyBorder="1" applyAlignment="1" applyProtection="1">
      <alignment vertical="center"/>
    </xf>
    <xf numFmtId="0" fontId="9" fillId="34" borderId="21" xfId="0" applyFont="1" applyFill="1" applyBorder="1" applyAlignment="1" applyProtection="1">
      <alignment vertical="center"/>
    </xf>
    <xf numFmtId="0" fontId="19" fillId="34" borderId="5" xfId="0" applyFont="1" applyFill="1" applyBorder="1" applyAlignment="1" applyProtection="1">
      <alignment vertical="center"/>
    </xf>
    <xf numFmtId="0" fontId="9" fillId="34" borderId="3" xfId="0" applyFont="1" applyFill="1" applyBorder="1" applyAlignment="1" applyProtection="1">
      <alignment vertical="top"/>
    </xf>
    <xf numFmtId="0" fontId="19" fillId="34" borderId="9" xfId="0" applyFont="1" applyFill="1" applyBorder="1" applyAlignment="1" applyProtection="1">
      <alignment vertical="center"/>
    </xf>
    <xf numFmtId="0" fontId="19" fillId="34" borderId="38" xfId="0" applyFont="1" applyFill="1" applyBorder="1" applyAlignment="1" applyProtection="1">
      <alignment vertical="center"/>
    </xf>
    <xf numFmtId="0" fontId="9" fillId="34" borderId="38" xfId="0" applyFont="1" applyFill="1" applyBorder="1" applyAlignment="1" applyProtection="1">
      <alignment vertical="center"/>
    </xf>
    <xf numFmtId="0" fontId="19" fillId="34" borderId="43" xfId="0" applyFont="1" applyFill="1" applyBorder="1" applyAlignment="1" applyProtection="1">
      <alignment vertical="center"/>
    </xf>
    <xf numFmtId="0" fontId="19" fillId="34" borderId="44" xfId="0" applyFont="1" applyFill="1" applyBorder="1" applyAlignment="1" applyProtection="1">
      <alignment vertical="center"/>
    </xf>
    <xf numFmtId="0" fontId="19" fillId="34" borderId="45" xfId="0" applyFont="1" applyFill="1" applyBorder="1" applyAlignment="1" applyProtection="1">
      <alignment vertical="center"/>
    </xf>
    <xf numFmtId="0" fontId="42" fillId="0" borderId="0" xfId="0" applyFont="1" applyAlignment="1">
      <alignment vertical="center"/>
    </xf>
    <xf numFmtId="0" fontId="42" fillId="0" borderId="0" xfId="0" applyFont="1" applyAlignment="1"/>
    <xf numFmtId="0" fontId="22" fillId="0" borderId="0" xfId="0" applyFont="1" applyAlignment="1">
      <alignment vertical="center"/>
    </xf>
    <xf numFmtId="0" fontId="19" fillId="0" borderId="0" xfId="0" applyFont="1" applyBorder="1" applyAlignment="1">
      <alignment horizontal="justify" vertical="center" wrapText="1"/>
    </xf>
    <xf numFmtId="0" fontId="19" fillId="0" borderId="0" xfId="0" applyFont="1" applyBorder="1" applyAlignment="1">
      <alignment horizontal="right" wrapText="1"/>
    </xf>
    <xf numFmtId="0" fontId="10" fillId="0" borderId="0" xfId="0" applyFont="1" applyAlignment="1">
      <alignment vertical="center"/>
    </xf>
    <xf numFmtId="0" fontId="3" fillId="34" borderId="48" xfId="0" applyFont="1" applyFill="1" applyBorder="1" applyAlignment="1">
      <alignment vertical="center" wrapText="1"/>
    </xf>
    <xf numFmtId="0" fontId="3" fillId="34" borderId="1" xfId="0" applyFont="1" applyFill="1" applyBorder="1" applyAlignment="1">
      <alignment vertical="center" wrapText="1"/>
    </xf>
    <xf numFmtId="0" fontId="18" fillId="34" borderId="0" xfId="0" applyFont="1" applyFill="1" applyAlignment="1" applyProtection="1">
      <alignment horizontal="center"/>
    </xf>
    <xf numFmtId="0" fontId="11" fillId="35" borderId="0" xfId="0" applyFont="1" applyFill="1" applyAlignment="1" applyProtection="1">
      <alignment horizontal="center"/>
    </xf>
    <xf numFmtId="0" fontId="19" fillId="34" borderId="0" xfId="0" applyFont="1" applyFill="1" applyBorder="1" applyAlignment="1" applyProtection="1">
      <alignment horizontal="center"/>
    </xf>
    <xf numFmtId="0" fontId="11" fillId="0" borderId="17" xfId="0" applyFont="1" applyFill="1" applyBorder="1" applyAlignment="1" applyProtection="1">
      <alignment horizontal="center"/>
    </xf>
    <xf numFmtId="0" fontId="19" fillId="34" borderId="27" xfId="0" applyFont="1" applyFill="1" applyBorder="1" applyAlignment="1" applyProtection="1">
      <alignment vertical="center"/>
    </xf>
    <xf numFmtId="0" fontId="19" fillId="34" borderId="29" xfId="0" applyFont="1" applyFill="1" applyBorder="1" applyAlignment="1" applyProtection="1">
      <alignment vertical="center"/>
    </xf>
    <xf numFmtId="0" fontId="19" fillId="34" borderId="23" xfId="0" applyFont="1" applyFill="1" applyBorder="1" applyAlignment="1" applyProtection="1">
      <alignment horizontal="left" vertical="center" shrinkToFit="1"/>
    </xf>
    <xf numFmtId="0" fontId="19" fillId="34" borderId="2" xfId="0" applyFont="1" applyFill="1" applyBorder="1" applyAlignment="1" applyProtection="1">
      <alignment horizontal="left" vertical="center" shrinkToFit="1"/>
    </xf>
    <xf numFmtId="0" fontId="43" fillId="34" borderId="0" xfId="0" applyFont="1" applyFill="1" applyBorder="1" applyAlignment="1" applyProtection="1">
      <alignment vertical="center"/>
    </xf>
    <xf numFmtId="0" fontId="43" fillId="34" borderId="0" xfId="0" applyFont="1" applyFill="1" applyBorder="1" applyAlignment="1" applyProtection="1">
      <alignment horizontal="center" vertical="center"/>
    </xf>
    <xf numFmtId="0" fontId="44" fillId="34" borderId="0" xfId="0" applyFont="1" applyFill="1" applyAlignment="1" applyProtection="1"/>
    <xf numFmtId="0" fontId="45" fillId="34" borderId="0" xfId="0" applyFont="1" applyFill="1" applyBorder="1" applyAlignment="1" applyProtection="1"/>
    <xf numFmtId="0" fontId="47" fillId="34" borderId="0" xfId="0" applyFont="1" applyFill="1" applyAlignment="1" applyProtection="1"/>
    <xf numFmtId="0" fontId="45" fillId="34" borderId="3" xfId="0" applyFont="1" applyFill="1" applyBorder="1" applyAlignment="1" applyProtection="1">
      <alignment horizontal="left" shrinkToFit="1"/>
    </xf>
    <xf numFmtId="0" fontId="45" fillId="34" borderId="3" xfId="0" applyFont="1" applyFill="1" applyBorder="1" applyAlignment="1" applyProtection="1"/>
    <xf numFmtId="0" fontId="45" fillId="34" borderId="0" xfId="0" applyFont="1" applyFill="1" applyBorder="1" applyAlignment="1" applyProtection="1">
      <alignment vertical="center"/>
    </xf>
    <xf numFmtId="0" fontId="49" fillId="34" borderId="0" xfId="0" applyFont="1" applyFill="1" applyAlignment="1" applyProtection="1"/>
    <xf numFmtId="0" fontId="43" fillId="34" borderId="0" xfId="0" applyFont="1" applyFill="1" applyBorder="1" applyAlignment="1" applyProtection="1"/>
    <xf numFmtId="0" fontId="50" fillId="34" borderId="0" xfId="0" applyFont="1" applyFill="1" applyBorder="1" applyAlignment="1" applyProtection="1">
      <alignment vertical="center"/>
    </xf>
    <xf numFmtId="0" fontId="43" fillId="34" borderId="0" xfId="0" applyFont="1" applyFill="1" applyBorder="1" applyAlignment="1" applyProtection="1">
      <alignment vertical="top"/>
    </xf>
    <xf numFmtId="0" fontId="43" fillId="34" borderId="25" xfId="0" applyFont="1" applyFill="1" applyBorder="1" applyAlignment="1" applyProtection="1">
      <alignment vertical="center"/>
    </xf>
    <xf numFmtId="0" fontId="43" fillId="34" borderId="26" xfId="0" applyFont="1" applyFill="1" applyBorder="1" applyAlignment="1" applyProtection="1">
      <alignment vertical="center"/>
    </xf>
    <xf numFmtId="0" fontId="43" fillId="34" borderId="16" xfId="0" applyFont="1" applyFill="1" applyBorder="1" applyAlignment="1" applyProtection="1">
      <alignment vertical="center"/>
    </xf>
    <xf numFmtId="0" fontId="43" fillId="34" borderId="15" xfId="0" applyFont="1" applyFill="1" applyBorder="1" applyAlignment="1" applyProtection="1">
      <alignment vertical="center"/>
    </xf>
    <xf numFmtId="0" fontId="45" fillId="34" borderId="27" xfId="0" applyFont="1" applyFill="1" applyBorder="1" applyAlignment="1" applyProtection="1">
      <alignment vertical="center"/>
    </xf>
    <xf numFmtId="0" fontId="43" fillId="34" borderId="27" xfId="0" applyFont="1" applyFill="1" applyBorder="1" applyAlignment="1" applyProtection="1">
      <alignment vertical="center"/>
    </xf>
    <xf numFmtId="0" fontId="43" fillId="34" borderId="29" xfId="0" applyFont="1" applyFill="1" applyBorder="1" applyAlignment="1" applyProtection="1">
      <alignment vertical="center"/>
    </xf>
    <xf numFmtId="0" fontId="43" fillId="34" borderId="34" xfId="0" applyFont="1" applyFill="1" applyBorder="1" applyAlignment="1" applyProtection="1">
      <alignment vertical="center" shrinkToFit="1"/>
    </xf>
    <xf numFmtId="0" fontId="43" fillId="34" borderId="23" xfId="0" applyFont="1" applyFill="1" applyBorder="1" applyAlignment="1" applyProtection="1">
      <alignment horizontal="left" vertical="center" shrinkToFit="1"/>
    </xf>
    <xf numFmtId="0" fontId="46" fillId="34" borderId="2" xfId="0" applyFont="1" applyFill="1" applyBorder="1" applyAlignment="1" applyProtection="1">
      <alignment vertical="center"/>
    </xf>
    <xf numFmtId="0" fontId="43" fillId="34" borderId="2" xfId="0" applyFont="1" applyFill="1" applyBorder="1" applyAlignment="1" applyProtection="1">
      <alignment vertical="center"/>
    </xf>
    <xf numFmtId="0" fontId="43" fillId="34" borderId="2" xfId="0" applyFont="1" applyFill="1" applyBorder="1" applyAlignment="1" applyProtection="1">
      <alignment horizontal="left" vertical="center" shrinkToFit="1"/>
    </xf>
    <xf numFmtId="0" fontId="43" fillId="34" borderId="65" xfId="0" applyFont="1" applyFill="1" applyBorder="1" applyAlignment="1" applyProtection="1">
      <alignment horizontal="left" vertical="center" shrinkToFit="1"/>
    </xf>
    <xf numFmtId="0" fontId="46" fillId="34" borderId="28" xfId="0" applyFont="1" applyFill="1" applyBorder="1" applyAlignment="1" applyProtection="1">
      <alignment vertical="center"/>
    </xf>
    <xf numFmtId="0" fontId="43" fillId="34" borderId="31" xfId="0" applyFont="1" applyFill="1" applyBorder="1" applyAlignment="1" applyProtection="1">
      <alignment vertical="center"/>
    </xf>
    <xf numFmtId="0" fontId="46" fillId="34" borderId="21" xfId="0" applyFont="1" applyFill="1" applyBorder="1" applyAlignment="1" applyProtection="1">
      <alignment vertical="center"/>
    </xf>
    <xf numFmtId="0" fontId="43" fillId="34" borderId="5" xfId="0" applyFont="1" applyFill="1" applyBorder="1" applyAlignment="1" applyProtection="1">
      <alignment vertical="center"/>
    </xf>
    <xf numFmtId="0" fontId="46" fillId="34" borderId="23" xfId="0" applyFont="1" applyFill="1" applyBorder="1" applyAlignment="1" applyProtection="1">
      <alignment vertical="top"/>
    </xf>
    <xf numFmtId="0" fontId="43" fillId="34" borderId="22" xfId="0" applyFont="1" applyFill="1" applyBorder="1" applyAlignment="1" applyProtection="1">
      <alignment vertical="center"/>
    </xf>
    <xf numFmtId="0" fontId="9" fillId="34" borderId="0" xfId="0" applyFont="1" applyFill="1" applyBorder="1" applyAlignment="1" applyProtection="1">
      <alignment vertical="center"/>
    </xf>
    <xf numFmtId="0" fontId="9" fillId="34" borderId="2" xfId="0" applyFont="1" applyFill="1" applyBorder="1" applyAlignment="1">
      <alignment vertical="center" wrapText="1"/>
    </xf>
    <xf numFmtId="0" fontId="9" fillId="34" borderId="33" xfId="0" applyFont="1" applyFill="1" applyBorder="1" applyAlignment="1" applyProtection="1">
      <alignment horizontal="left" vertical="center"/>
    </xf>
    <xf numFmtId="0" fontId="19" fillId="34" borderId="35" xfId="0" applyFont="1" applyFill="1" applyBorder="1" applyAlignment="1" applyProtection="1">
      <alignment vertical="center"/>
    </xf>
    <xf numFmtId="0" fontId="19" fillId="34" borderId="3" xfId="0" applyFont="1" applyFill="1" applyBorder="1" applyAlignment="1" applyProtection="1">
      <alignment vertical="center"/>
    </xf>
    <xf numFmtId="0" fontId="45" fillId="3" borderId="0" xfId="0" applyFont="1" applyFill="1" applyBorder="1" applyAlignment="1" applyProtection="1">
      <alignment vertical="center"/>
    </xf>
    <xf numFmtId="0" fontId="44" fillId="0" borderId="0" xfId="0" applyFont="1" applyFill="1" applyAlignment="1" applyProtection="1"/>
    <xf numFmtId="0" fontId="44" fillId="0" borderId="0" xfId="0" applyFont="1" applyAlignment="1" applyProtection="1"/>
    <xf numFmtId="0" fontId="43" fillId="34" borderId="0" xfId="0" applyFont="1" applyFill="1" applyBorder="1" applyAlignment="1" applyProtection="1">
      <alignment horizontal="center" vertical="center" shrinkToFit="1"/>
    </xf>
    <xf numFmtId="0" fontId="49" fillId="0" borderId="0" xfId="0" applyFont="1" applyFill="1" applyAlignment="1" applyProtection="1"/>
    <xf numFmtId="0" fontId="53" fillId="0" borderId="0" xfId="0" applyFont="1" applyFill="1" applyAlignment="1" applyProtection="1"/>
    <xf numFmtId="0" fontId="49" fillId="0" borderId="0" xfId="0" applyFont="1" applyAlignment="1" applyProtection="1"/>
    <xf numFmtId="0" fontId="43" fillId="34" borderId="0" xfId="0" applyFont="1" applyFill="1" applyBorder="1" applyAlignment="1" applyProtection="1">
      <alignment horizontal="right" vertical="center" shrinkToFit="1"/>
    </xf>
    <xf numFmtId="0" fontId="51" fillId="0" borderId="27" xfId="0" applyFont="1" applyFill="1" applyBorder="1" applyAlignment="1" applyProtection="1">
      <alignment horizontal="left" vertical="center"/>
    </xf>
    <xf numFmtId="0" fontId="45" fillId="0" borderId="7" xfId="0" applyFont="1" applyFill="1" applyBorder="1" applyAlignment="1">
      <alignment vertical="center" wrapText="1"/>
    </xf>
    <xf numFmtId="0" fontId="45" fillId="0" borderId="8" xfId="0" applyFont="1" applyFill="1" applyBorder="1" applyAlignment="1">
      <alignment vertical="center" wrapText="1"/>
    </xf>
    <xf numFmtId="0" fontId="51" fillId="0" borderId="0" xfId="0" applyFont="1" applyFill="1" applyBorder="1" applyAlignment="1" applyProtection="1">
      <alignment horizontal="left" vertical="center"/>
    </xf>
    <xf numFmtId="0" fontId="45" fillId="0" borderId="0" xfId="0" applyFont="1" applyFill="1" applyBorder="1" applyAlignment="1">
      <alignment vertical="center" wrapText="1"/>
    </xf>
    <xf numFmtId="0" fontId="45" fillId="0" borderId="5" xfId="0" applyFont="1" applyFill="1" applyBorder="1" applyAlignment="1">
      <alignment vertical="center" wrapText="1"/>
    </xf>
    <xf numFmtId="0" fontId="51" fillId="0" borderId="23" xfId="0" applyFont="1" applyFill="1" applyBorder="1" applyAlignment="1" applyProtection="1">
      <alignment horizontal="left" vertical="center"/>
    </xf>
    <xf numFmtId="0" fontId="58" fillId="0" borderId="0" xfId="0" applyFont="1" applyFill="1" applyAlignment="1">
      <alignment vertical="center"/>
    </xf>
    <xf numFmtId="49" fontId="19" fillId="34" borderId="0" xfId="0" applyNumberFormat="1" applyFont="1" applyFill="1" applyBorder="1" applyAlignment="1" applyProtection="1">
      <alignment horizontal="left" vertical="center" shrinkToFit="1"/>
    </xf>
    <xf numFmtId="0" fontId="15" fillId="34" borderId="0" xfId="0" applyFont="1" applyFill="1" applyBorder="1" applyAlignment="1" applyProtection="1">
      <alignment horizontal="center" vertical="center" textRotation="255"/>
    </xf>
    <xf numFmtId="0" fontId="9" fillId="34" borderId="0" xfId="0" applyFont="1" applyFill="1" applyBorder="1" applyAlignment="1" applyProtection="1">
      <alignment vertical="top"/>
    </xf>
    <xf numFmtId="0" fontId="19" fillId="34" borderId="0" xfId="0" applyFont="1" applyFill="1" applyBorder="1" applyAlignment="1" applyProtection="1">
      <alignment horizontal="left" vertical="center" shrinkToFit="1"/>
    </xf>
    <xf numFmtId="0" fontId="9" fillId="34" borderId="54" xfId="0" applyFont="1" applyFill="1" applyBorder="1" applyAlignment="1" applyProtection="1">
      <alignment horizontal="left" vertical="center"/>
    </xf>
    <xf numFmtId="0" fontId="9" fillId="34" borderId="53" xfId="0" applyFont="1" applyFill="1" applyBorder="1" applyAlignment="1" applyProtection="1">
      <alignment horizontal="left" vertical="center"/>
    </xf>
    <xf numFmtId="0" fontId="9" fillId="34" borderId="46" xfId="0" applyFont="1" applyFill="1" applyBorder="1" applyAlignment="1" applyProtection="1">
      <alignment horizontal="left" vertical="center"/>
    </xf>
    <xf numFmtId="0" fontId="9" fillId="34" borderId="56" xfId="0" applyFont="1" applyFill="1" applyBorder="1" applyAlignment="1" applyProtection="1">
      <alignment vertical="center"/>
    </xf>
    <xf numFmtId="0" fontId="19" fillId="34" borderId="56" xfId="0" applyFont="1" applyFill="1" applyBorder="1" applyAlignment="1" applyProtection="1">
      <alignment vertical="center"/>
    </xf>
    <xf numFmtId="0" fontId="19" fillId="34" borderId="59" xfId="0" applyFont="1" applyFill="1" applyBorder="1" applyAlignment="1" applyProtection="1">
      <alignment vertical="center"/>
    </xf>
    <xf numFmtId="0" fontId="19" fillId="34" borderId="57" xfId="0" applyFont="1" applyFill="1" applyBorder="1" applyAlignment="1" applyProtection="1">
      <alignment vertical="center"/>
    </xf>
    <xf numFmtId="0" fontId="42" fillId="36" borderId="0" xfId="0" applyFont="1" applyFill="1" applyAlignment="1">
      <alignment vertical="center"/>
    </xf>
    <xf numFmtId="0" fontId="11" fillId="34" borderId="0" xfId="0" applyFont="1" applyFill="1" applyAlignment="1" applyProtection="1">
      <alignment horizontal="center"/>
    </xf>
    <xf numFmtId="0" fontId="11" fillId="36" borderId="0" xfId="0" applyFont="1" applyFill="1" applyAlignment="1" applyProtection="1"/>
    <xf numFmtId="0" fontId="60" fillId="3" borderId="0" xfId="0" applyFont="1" applyFill="1" applyBorder="1" applyAlignment="1" applyProtection="1">
      <alignment vertical="center"/>
    </xf>
    <xf numFmtId="0" fontId="19" fillId="3" borderId="23" xfId="0" applyFont="1" applyFill="1" applyBorder="1" applyAlignment="1" applyProtection="1">
      <alignment vertical="center"/>
    </xf>
    <xf numFmtId="0" fontId="19" fillId="34" borderId="23" xfId="0" applyFont="1" applyFill="1" applyBorder="1" applyAlignment="1" applyProtection="1">
      <alignment vertical="center"/>
    </xf>
    <xf numFmtId="49" fontId="19" fillId="34" borderId="23" xfId="0" applyNumberFormat="1" applyFont="1" applyFill="1" applyBorder="1" applyAlignment="1" applyProtection="1">
      <alignment horizontal="left" vertical="center" shrinkToFit="1"/>
    </xf>
    <xf numFmtId="49" fontId="19" fillId="34" borderId="10" xfId="0" applyNumberFormat="1" applyFont="1" applyFill="1" applyBorder="1" applyAlignment="1" applyProtection="1">
      <alignment horizontal="left" vertical="center" shrinkToFit="1"/>
    </xf>
    <xf numFmtId="0" fontId="19" fillId="34" borderId="22" xfId="0" applyFont="1" applyFill="1" applyBorder="1" applyAlignment="1" applyProtection="1">
      <alignment vertical="center"/>
    </xf>
    <xf numFmtId="49" fontId="19" fillId="34" borderId="30" xfId="0" applyNumberFormat="1" applyFont="1" applyFill="1" applyBorder="1" applyAlignment="1" applyProtection="1">
      <alignment horizontal="left" vertical="center" shrinkToFit="1"/>
    </xf>
    <xf numFmtId="0" fontId="19" fillId="3" borderId="38" xfId="0" applyFont="1" applyFill="1" applyBorder="1" applyAlignment="1" applyProtection="1">
      <alignment vertical="center"/>
    </xf>
    <xf numFmtId="0" fontId="19" fillId="3" borderId="43" xfId="0" applyFont="1" applyFill="1" applyBorder="1" applyAlignment="1" applyProtection="1">
      <alignment horizontal="left" vertical="center"/>
    </xf>
    <xf numFmtId="0" fontId="19" fillId="3" borderId="38" xfId="0" applyFont="1" applyFill="1" applyBorder="1" applyAlignment="1" applyProtection="1">
      <alignment horizontal="left" vertical="center"/>
    </xf>
    <xf numFmtId="0" fontId="9" fillId="3" borderId="38" xfId="0" applyFont="1" applyFill="1" applyBorder="1" applyAlignment="1" applyProtection="1">
      <alignment vertical="center"/>
    </xf>
    <xf numFmtId="0" fontId="14" fillId="0" borderId="0" xfId="0" applyFont="1" applyFill="1" applyBorder="1" applyAlignment="1" applyProtection="1">
      <alignment shrinkToFit="1"/>
    </xf>
    <xf numFmtId="49" fontId="19" fillId="34" borderId="25" xfId="0" applyNumberFormat="1" applyFont="1" applyFill="1" applyBorder="1" applyAlignment="1" applyProtection="1">
      <alignment horizontal="left" vertical="center" shrinkToFit="1"/>
    </xf>
    <xf numFmtId="49" fontId="19" fillId="34" borderId="63" xfId="0" applyNumberFormat="1" applyFont="1" applyFill="1" applyBorder="1" applyAlignment="1" applyProtection="1">
      <alignment horizontal="left" vertical="center" shrinkToFit="1"/>
    </xf>
    <xf numFmtId="49" fontId="19" fillId="34" borderId="64" xfId="0" applyNumberFormat="1" applyFont="1" applyFill="1" applyBorder="1" applyAlignment="1" applyProtection="1">
      <alignment horizontal="left" vertical="center" shrinkToFit="1"/>
    </xf>
    <xf numFmtId="0" fontId="19" fillId="34" borderId="16" xfId="0" applyFont="1" applyFill="1" applyBorder="1" applyAlignment="1" applyProtection="1">
      <alignment horizontal="left" vertical="center" shrinkToFit="1"/>
    </xf>
    <xf numFmtId="0" fontId="19" fillId="34" borderId="18" xfId="0" applyFont="1" applyFill="1" applyBorder="1" applyAlignment="1" applyProtection="1">
      <alignment horizontal="left" vertical="center" shrinkToFit="1"/>
    </xf>
    <xf numFmtId="0" fontId="19" fillId="34" borderId="23" xfId="0" applyFont="1" applyFill="1" applyBorder="1" applyAlignment="1" applyProtection="1">
      <alignment horizontal="left" vertical="center" shrinkToFit="1"/>
    </xf>
    <xf numFmtId="0" fontId="19" fillId="34" borderId="30" xfId="0" applyFont="1" applyFill="1" applyBorder="1" applyAlignment="1" applyProtection="1">
      <alignment horizontal="left" vertical="center" shrinkToFit="1"/>
    </xf>
    <xf numFmtId="0" fontId="19" fillId="34" borderId="2" xfId="0" applyFont="1" applyFill="1" applyBorder="1" applyAlignment="1" applyProtection="1">
      <alignment horizontal="left" vertical="center" shrinkToFit="1"/>
    </xf>
    <xf numFmtId="0" fontId="19" fillId="34" borderId="31" xfId="0" applyFont="1" applyFill="1" applyBorder="1" applyAlignment="1" applyProtection="1">
      <alignment horizontal="left" vertical="center" shrinkToFit="1"/>
    </xf>
    <xf numFmtId="0" fontId="19" fillId="34" borderId="2" xfId="0" applyFont="1" applyFill="1" applyBorder="1" applyAlignment="1">
      <alignment horizontal="left" vertical="center" shrinkToFit="1"/>
    </xf>
    <xf numFmtId="0" fontId="19" fillId="34" borderId="35" xfId="0" applyFont="1" applyFill="1" applyBorder="1" applyAlignment="1">
      <alignment horizontal="left" vertical="center" shrinkToFit="1"/>
    </xf>
    <xf numFmtId="0" fontId="9" fillId="34" borderId="2" xfId="0" applyFont="1" applyFill="1" applyBorder="1" applyAlignment="1" applyProtection="1">
      <alignment horizontal="center" vertical="center"/>
    </xf>
    <xf numFmtId="0" fontId="9" fillId="34" borderId="35" xfId="0" applyFont="1" applyFill="1" applyBorder="1" applyAlignment="1" applyProtection="1">
      <alignment horizontal="center" vertical="center"/>
    </xf>
    <xf numFmtId="0" fontId="9" fillId="34" borderId="24" xfId="0" applyFont="1" applyFill="1" applyBorder="1" applyAlignment="1" applyProtection="1">
      <alignment horizontal="center" vertical="center"/>
    </xf>
    <xf numFmtId="0" fontId="9" fillId="34" borderId="74" xfId="0" applyFont="1" applyFill="1" applyBorder="1" applyAlignment="1" applyProtection="1">
      <alignment horizontal="center" vertical="center"/>
    </xf>
    <xf numFmtId="0" fontId="9" fillId="34" borderId="58" xfId="0" applyFont="1" applyFill="1" applyBorder="1" applyAlignment="1" applyProtection="1">
      <alignment horizontal="center" vertical="center"/>
    </xf>
    <xf numFmtId="0" fontId="9" fillId="34" borderId="23" xfId="0" applyFont="1" applyFill="1" applyBorder="1" applyAlignment="1" applyProtection="1">
      <alignment horizontal="center" vertical="center"/>
    </xf>
    <xf numFmtId="0" fontId="9" fillId="34" borderId="75" xfId="0" applyFont="1" applyFill="1" applyBorder="1" applyAlignment="1" applyProtection="1">
      <alignment horizontal="center" vertical="center"/>
    </xf>
    <xf numFmtId="0" fontId="19" fillId="34" borderId="75" xfId="0" applyFont="1" applyFill="1" applyBorder="1" applyAlignment="1" applyProtection="1">
      <alignment horizontal="left" vertical="center" shrinkToFit="1"/>
    </xf>
    <xf numFmtId="0" fontId="9" fillId="34" borderId="58" xfId="0" applyFont="1" applyFill="1" applyBorder="1" applyAlignment="1" applyProtection="1">
      <alignment horizontal="left" vertical="center" shrinkToFit="1"/>
    </xf>
    <xf numFmtId="0" fontId="9" fillId="34" borderId="23" xfId="0" applyFont="1" applyFill="1" applyBorder="1" applyAlignment="1" applyProtection="1">
      <alignment horizontal="left" vertical="center" shrinkToFit="1"/>
    </xf>
    <xf numFmtId="0" fontId="9" fillId="34" borderId="30" xfId="0" applyFont="1" applyFill="1" applyBorder="1" applyAlignment="1" applyProtection="1">
      <alignment horizontal="left" vertical="center" shrinkToFit="1"/>
    </xf>
    <xf numFmtId="0" fontId="9" fillId="34" borderId="27" xfId="0" applyFont="1" applyFill="1" applyBorder="1" applyAlignment="1" applyProtection="1">
      <alignment horizontal="center" vertical="center"/>
    </xf>
    <xf numFmtId="0" fontId="9" fillId="34" borderId="80" xfId="0" applyFont="1" applyFill="1" applyBorder="1" applyAlignment="1" applyProtection="1">
      <alignment horizontal="center" vertical="center"/>
    </xf>
    <xf numFmtId="0" fontId="9" fillId="34" borderId="46" xfId="0" applyFont="1" applyFill="1" applyBorder="1" applyAlignment="1" applyProtection="1">
      <alignment horizontal="left" vertical="center" wrapText="1" shrinkToFit="1"/>
    </xf>
    <xf numFmtId="0" fontId="9" fillId="34" borderId="27" xfId="0" applyFont="1" applyFill="1" applyBorder="1" applyAlignment="1" applyProtection="1">
      <alignment horizontal="left" vertical="center" shrinkToFit="1"/>
    </xf>
    <xf numFmtId="0" fontId="9" fillId="34" borderId="29" xfId="0" applyFont="1" applyFill="1" applyBorder="1" applyAlignment="1" applyProtection="1">
      <alignment horizontal="left" vertical="center" shrinkToFit="1"/>
    </xf>
    <xf numFmtId="49" fontId="19" fillId="34" borderId="1" xfId="0" applyNumberFormat="1" applyFont="1" applyFill="1" applyBorder="1" applyAlignment="1" applyProtection="1">
      <alignment horizontal="left" vertical="center" shrinkToFit="1"/>
    </xf>
    <xf numFmtId="49" fontId="19" fillId="34" borderId="81" xfId="0" applyNumberFormat="1" applyFont="1" applyFill="1" applyBorder="1" applyAlignment="1" applyProtection="1">
      <alignment horizontal="left" vertical="center" shrinkToFit="1"/>
    </xf>
    <xf numFmtId="0" fontId="19" fillId="34" borderId="1" xfId="0" applyFont="1" applyFill="1" applyBorder="1" applyAlignment="1" applyProtection="1">
      <alignment horizontal="center" vertical="center" shrinkToFit="1"/>
    </xf>
    <xf numFmtId="0" fontId="19" fillId="34" borderId="79" xfId="0" applyFont="1" applyFill="1" applyBorder="1" applyAlignment="1" applyProtection="1">
      <alignment horizontal="center" vertical="center" shrinkToFit="1"/>
    </xf>
    <xf numFmtId="0" fontId="19" fillId="0" borderId="0" xfId="0" applyFont="1" applyBorder="1" applyAlignment="1">
      <alignment horizontal="left" vertical="center" wrapText="1"/>
    </xf>
    <xf numFmtId="0" fontId="45" fillId="3" borderId="4" xfId="0" applyFont="1" applyFill="1" applyBorder="1" applyAlignment="1" applyProtection="1">
      <alignment vertical="center"/>
    </xf>
    <xf numFmtId="0" fontId="46" fillId="34" borderId="37" xfId="0" applyFont="1" applyFill="1" applyBorder="1" applyAlignment="1" applyProtection="1">
      <alignment vertical="center"/>
    </xf>
    <xf numFmtId="0" fontId="45" fillId="34" borderId="4" xfId="0" applyFont="1" applyFill="1" applyBorder="1" applyAlignment="1" applyProtection="1">
      <alignment vertical="center"/>
    </xf>
    <xf numFmtId="0" fontId="46" fillId="34" borderId="6" xfId="0" applyFont="1" applyFill="1" applyBorder="1" applyAlignment="1" applyProtection="1">
      <alignment vertical="top"/>
    </xf>
    <xf numFmtId="0" fontId="43" fillId="34" borderId="3" xfId="0" applyFont="1" applyFill="1" applyBorder="1" applyAlignment="1" applyProtection="1">
      <alignment horizontal="left" vertical="center" shrinkToFit="1"/>
    </xf>
    <xf numFmtId="0" fontId="43" fillId="34" borderId="88" xfId="0" applyFont="1" applyFill="1" applyBorder="1" applyAlignment="1" applyProtection="1">
      <alignment horizontal="left" vertical="center" shrinkToFit="1"/>
    </xf>
    <xf numFmtId="0" fontId="43" fillId="34" borderId="45" xfId="0" applyFont="1" applyFill="1" applyBorder="1" applyAlignment="1" applyProtection="1">
      <alignment vertical="center"/>
    </xf>
    <xf numFmtId="0" fontId="9" fillId="3" borderId="41" xfId="0" applyFont="1" applyFill="1" applyBorder="1" applyAlignment="1" applyProtection="1">
      <alignment vertical="center"/>
    </xf>
    <xf numFmtId="0" fontId="19" fillId="34" borderId="44" xfId="0" applyFont="1" applyFill="1" applyBorder="1" applyAlignment="1" applyProtection="1">
      <alignment horizontal="left" vertical="center" shrinkToFit="1"/>
    </xf>
    <xf numFmtId="0" fontId="9" fillId="3" borderId="33" xfId="0" applyFont="1" applyFill="1" applyBorder="1" applyAlignment="1" applyProtection="1">
      <alignment horizontal="right" vertical="top" wrapText="1" shrinkToFit="1"/>
    </xf>
    <xf numFmtId="0" fontId="43" fillId="34" borderId="51" xfId="0" applyFont="1" applyFill="1" applyBorder="1" applyAlignment="1" applyProtection="1">
      <alignment vertical="center"/>
    </xf>
    <xf numFmtId="0" fontId="43" fillId="0" borderId="25" xfId="0" applyFont="1" applyFill="1" applyBorder="1" applyAlignment="1" applyProtection="1">
      <alignment vertical="center"/>
    </xf>
    <xf numFmtId="49" fontId="43" fillId="0" borderId="25" xfId="0" applyNumberFormat="1" applyFont="1" applyFill="1" applyBorder="1" applyAlignment="1" applyProtection="1">
      <alignment horizontal="left" vertical="center" shrinkToFit="1"/>
    </xf>
    <xf numFmtId="49" fontId="43" fillId="0" borderId="63" xfId="0" applyNumberFormat="1" applyFont="1" applyFill="1" applyBorder="1" applyAlignment="1" applyProtection="1">
      <alignment horizontal="left" vertical="center" shrinkToFit="1"/>
    </xf>
    <xf numFmtId="0" fontId="43" fillId="0" borderId="26" xfId="0" applyFont="1" applyFill="1" applyBorder="1" applyAlignment="1" applyProtection="1">
      <alignment vertical="center"/>
    </xf>
    <xf numFmtId="49" fontId="43" fillId="0" borderId="64" xfId="0" applyNumberFormat="1" applyFont="1" applyFill="1" applyBorder="1" applyAlignment="1" applyProtection="1">
      <alignment horizontal="left" vertical="center" shrinkToFit="1"/>
    </xf>
    <xf numFmtId="0" fontId="50" fillId="34" borderId="0" xfId="0" applyFont="1" applyFill="1" applyBorder="1" applyAlignment="1" applyProtection="1">
      <alignment horizontal="right" vertical="center" shrinkToFit="1"/>
    </xf>
    <xf numFmtId="0" fontId="43" fillId="34" borderId="10" xfId="0" applyFont="1" applyFill="1" applyBorder="1" applyAlignment="1" applyProtection="1">
      <alignment horizontal="left" vertical="center" shrinkToFit="1"/>
    </xf>
    <xf numFmtId="0" fontId="19" fillId="3" borderId="0" xfId="0" applyFont="1" applyFill="1" applyBorder="1" applyAlignment="1" applyProtection="1">
      <alignment horizontal="left" vertical="center"/>
    </xf>
    <xf numFmtId="0" fontId="19" fillId="34" borderId="0" xfId="0" applyFont="1" applyFill="1" applyBorder="1" applyAlignment="1" applyProtection="1">
      <alignment horizontal="center"/>
    </xf>
    <xf numFmtId="0" fontId="11" fillId="35" borderId="0" xfId="0" applyFont="1" applyFill="1" applyAlignment="1" applyProtection="1">
      <alignment horizontal="center"/>
    </xf>
    <xf numFmtId="0" fontId="11" fillId="0" borderId="17" xfId="0" applyFont="1" applyFill="1" applyBorder="1" applyAlignment="1" applyProtection="1">
      <alignment horizontal="center"/>
    </xf>
    <xf numFmtId="0" fontId="19" fillId="34" borderId="38" xfId="0" applyFont="1" applyFill="1" applyBorder="1" applyAlignment="1" applyProtection="1">
      <alignment horizontal="left" vertical="center" shrinkToFit="1"/>
    </xf>
    <xf numFmtId="0" fontId="43" fillId="34" borderId="0" xfId="0" applyFont="1" applyFill="1" applyBorder="1" applyAlignment="1" applyProtection="1">
      <alignment horizontal="right" vertical="center" shrinkToFit="1"/>
    </xf>
    <xf numFmtId="0" fontId="43" fillId="34" borderId="0" xfId="0" applyFont="1" applyFill="1" applyBorder="1" applyAlignment="1" applyProtection="1">
      <alignment horizontal="center" vertical="center" shrinkToFit="1"/>
    </xf>
    <xf numFmtId="0" fontId="45" fillId="34" borderId="3" xfId="0" applyFont="1" applyFill="1" applyBorder="1" applyAlignment="1" applyProtection="1">
      <alignment horizontal="left" shrinkToFit="1"/>
    </xf>
    <xf numFmtId="49" fontId="43" fillId="34" borderId="25" xfId="0" applyNumberFormat="1" applyFont="1" applyFill="1" applyBorder="1" applyAlignment="1" applyProtection="1">
      <alignment horizontal="left" vertical="center" shrinkToFit="1"/>
    </xf>
    <xf numFmtId="49" fontId="43" fillId="34" borderId="63" xfId="0" applyNumberFormat="1" applyFont="1" applyFill="1" applyBorder="1" applyAlignment="1" applyProtection="1">
      <alignment horizontal="left" vertical="center" shrinkToFit="1"/>
    </xf>
    <xf numFmtId="49" fontId="43" fillId="34" borderId="64" xfId="0" applyNumberFormat="1" applyFont="1" applyFill="1" applyBorder="1" applyAlignment="1" applyProtection="1">
      <alignment horizontal="left" vertical="center" shrinkToFit="1"/>
    </xf>
    <xf numFmtId="0" fontId="43" fillId="34" borderId="16" xfId="0" applyFont="1" applyFill="1" applyBorder="1" applyAlignment="1" applyProtection="1">
      <alignment horizontal="left" vertical="center" shrinkToFit="1"/>
    </xf>
    <xf numFmtId="0" fontId="43" fillId="34" borderId="17" xfId="0" applyFont="1" applyFill="1" applyBorder="1" applyAlignment="1" applyProtection="1">
      <alignment horizontal="left" vertical="center" shrinkToFit="1"/>
    </xf>
    <xf numFmtId="49" fontId="43" fillId="34" borderId="16" xfId="0" applyNumberFormat="1" applyFont="1" applyFill="1" applyBorder="1" applyAlignment="1" applyProtection="1">
      <alignment horizontal="left" vertical="center" shrinkToFit="1"/>
    </xf>
    <xf numFmtId="49" fontId="43" fillId="34" borderId="18" xfId="0" applyNumberFormat="1" applyFont="1" applyFill="1" applyBorder="1" applyAlignment="1" applyProtection="1">
      <alignment horizontal="left" vertical="center" shrinkToFit="1"/>
    </xf>
    <xf numFmtId="0" fontId="43" fillId="34" borderId="23" xfId="0" applyFont="1" applyFill="1" applyBorder="1" applyAlignment="1" applyProtection="1">
      <alignment horizontal="left" vertical="center" shrinkToFit="1"/>
    </xf>
    <xf numFmtId="0" fontId="43" fillId="34" borderId="30" xfId="0" applyFont="1" applyFill="1" applyBorder="1" applyAlignment="1" applyProtection="1">
      <alignment horizontal="left" vertical="center" shrinkToFit="1"/>
    </xf>
    <xf numFmtId="0" fontId="43" fillId="34" borderId="2" xfId="0" applyFont="1" applyFill="1" applyBorder="1" applyAlignment="1" applyProtection="1">
      <alignment horizontal="left" vertical="center" shrinkToFit="1"/>
    </xf>
    <xf numFmtId="0" fontId="43" fillId="34" borderId="65" xfId="0" applyFont="1" applyFill="1" applyBorder="1" applyAlignment="1" applyProtection="1">
      <alignment horizontal="left" vertical="center" shrinkToFit="1"/>
    </xf>
    <xf numFmtId="0" fontId="43" fillId="34" borderId="23" xfId="0" applyFont="1" applyFill="1" applyBorder="1" applyAlignment="1" applyProtection="1">
      <alignment horizontal="left" vertical="center" shrinkToFit="1"/>
    </xf>
    <xf numFmtId="0" fontId="19" fillId="34" borderId="38" xfId="0" applyFont="1" applyFill="1" applyBorder="1" applyAlignment="1">
      <alignment horizontal="left" vertical="center" shrinkToFit="1"/>
    </xf>
    <xf numFmtId="0" fontId="19" fillId="34" borderId="136" xfId="0" applyFont="1" applyFill="1" applyBorder="1" applyAlignment="1" applyProtection="1">
      <alignment horizontal="left" vertical="center" shrinkToFit="1"/>
    </xf>
    <xf numFmtId="0" fontId="9" fillId="34" borderId="38" xfId="0" applyFont="1" applyFill="1" applyBorder="1" applyAlignment="1">
      <alignment vertical="center" wrapText="1"/>
    </xf>
    <xf numFmtId="0" fontId="19" fillId="34" borderId="42" xfId="0" applyFont="1" applyFill="1" applyBorder="1" applyAlignment="1">
      <alignment horizontal="left" vertical="center" shrinkToFit="1"/>
    </xf>
    <xf numFmtId="0" fontId="9" fillId="34" borderId="84" xfId="0" applyFont="1" applyFill="1" applyBorder="1" applyAlignment="1" applyProtection="1">
      <alignment horizontal="left" vertical="center"/>
    </xf>
    <xf numFmtId="0" fontId="9" fillId="34" borderId="38" xfId="0" applyFont="1" applyFill="1" applyBorder="1" applyAlignment="1" applyProtection="1">
      <alignment horizontal="center" vertical="center"/>
    </xf>
    <xf numFmtId="0" fontId="9" fillId="34" borderId="42" xfId="0" applyFont="1" applyFill="1" applyBorder="1" applyAlignment="1" applyProtection="1">
      <alignment horizontal="center" vertical="center"/>
    </xf>
    <xf numFmtId="0" fontId="19" fillId="0" borderId="137" xfId="0" applyFont="1" applyBorder="1" applyAlignment="1" applyProtection="1">
      <alignment vertical="top" shrinkToFit="1"/>
    </xf>
    <xf numFmtId="0" fontId="19" fillId="34" borderId="138" xfId="0" applyFont="1" applyFill="1" applyBorder="1" applyAlignment="1" applyProtection="1">
      <alignment horizontal="left" vertical="center" shrinkToFit="1"/>
    </xf>
    <xf numFmtId="0" fontId="9" fillId="34" borderId="140" xfId="0" applyFont="1" applyFill="1" applyBorder="1" applyAlignment="1" applyProtection="1">
      <alignment horizontal="left" vertical="center" shrinkToFit="1"/>
    </xf>
    <xf numFmtId="0" fontId="9" fillId="34" borderId="141" xfId="0" applyFont="1" applyFill="1" applyBorder="1" applyAlignment="1" applyProtection="1">
      <alignment horizontal="left" vertical="center" shrinkToFit="1"/>
    </xf>
    <xf numFmtId="0" fontId="19" fillId="3" borderId="142" xfId="0" applyFont="1" applyFill="1" applyBorder="1" applyAlignment="1" applyProtection="1">
      <alignment vertical="center"/>
    </xf>
    <xf numFmtId="0" fontId="19" fillId="34" borderId="143" xfId="0" applyFont="1" applyFill="1" applyBorder="1" applyAlignment="1" applyProtection="1">
      <alignment horizontal="center" vertical="center" shrinkToFit="1"/>
    </xf>
    <xf numFmtId="0" fontId="19" fillId="34" borderId="139" xfId="0" applyFont="1" applyFill="1" applyBorder="1" applyAlignment="1" applyProtection="1">
      <alignment vertical="center"/>
    </xf>
    <xf numFmtId="0" fontId="9" fillId="0" borderId="144" xfId="0" applyFont="1" applyBorder="1" applyAlignment="1">
      <alignment vertical="center"/>
    </xf>
    <xf numFmtId="0" fontId="19" fillId="0" borderId="146" xfId="0" applyFont="1" applyFill="1" applyBorder="1" applyAlignment="1" applyProtection="1">
      <alignment vertical="center" shrinkToFit="1"/>
    </xf>
    <xf numFmtId="0" fontId="6" fillId="0" borderId="145" xfId="0" applyFont="1" applyBorder="1" applyAlignment="1">
      <alignment vertical="center"/>
    </xf>
    <xf numFmtId="0" fontId="19" fillId="3" borderId="147" xfId="0" applyFont="1" applyFill="1" applyBorder="1" applyAlignment="1" applyProtection="1">
      <alignment vertical="top" shrinkToFit="1"/>
    </xf>
    <xf numFmtId="0" fontId="19" fillId="3" borderId="148" xfId="0" applyFont="1" applyFill="1" applyBorder="1" applyAlignment="1" applyProtection="1">
      <alignment vertical="center"/>
    </xf>
    <xf numFmtId="0" fontId="19" fillId="3" borderId="147" xfId="0" applyFont="1" applyFill="1" applyBorder="1" applyAlignment="1" applyProtection="1">
      <alignment vertical="center" shrinkToFit="1"/>
    </xf>
    <xf numFmtId="0" fontId="19" fillId="3" borderId="149" xfId="0" applyFont="1" applyFill="1" applyBorder="1" applyAlignment="1" applyProtection="1">
      <alignment vertical="center"/>
    </xf>
    <xf numFmtId="0" fontId="11" fillId="0" borderId="152" xfId="0" applyFont="1" applyBorder="1" applyAlignment="1" applyProtection="1">
      <alignment shrinkToFit="1"/>
    </xf>
    <xf numFmtId="0" fontId="11" fillId="0" borderId="4" xfId="0" applyFont="1" applyBorder="1" applyAlignment="1" applyProtection="1">
      <alignment shrinkToFit="1"/>
    </xf>
    <xf numFmtId="0" fontId="19" fillId="0" borderId="0" xfId="0" applyFont="1" applyBorder="1" applyAlignment="1">
      <alignment horizontal="justify" vertical="center" wrapText="1"/>
    </xf>
    <xf numFmtId="0" fontId="19" fillId="0" borderId="0" xfId="0" applyFont="1" applyBorder="1" applyAlignment="1">
      <alignment horizontal="left" vertical="center" wrapText="1"/>
    </xf>
    <xf numFmtId="0" fontId="3" fillId="0" borderId="0" xfId="0" applyFont="1" applyBorder="1" applyAlignment="1">
      <alignment horizontal="center" vertical="center" wrapText="1"/>
    </xf>
    <xf numFmtId="0" fontId="43" fillId="0" borderId="160" xfId="0" applyFont="1" applyFill="1" applyBorder="1" applyAlignment="1" applyProtection="1">
      <alignment horizontal="left" vertical="center" shrinkToFit="1"/>
    </xf>
    <xf numFmtId="0" fontId="43" fillId="0" borderId="187" xfId="0" applyFont="1" applyFill="1" applyBorder="1" applyAlignment="1" applyProtection="1">
      <alignment vertical="center"/>
    </xf>
    <xf numFmtId="0" fontId="43" fillId="0" borderId="160" xfId="0" applyFont="1" applyFill="1" applyBorder="1" applyAlignment="1" applyProtection="1">
      <alignment vertical="center"/>
    </xf>
    <xf numFmtId="0" fontId="43" fillId="0" borderId="188" xfId="0" applyFont="1" applyFill="1" applyBorder="1" applyAlignment="1" applyProtection="1">
      <alignment horizontal="left" vertical="center" shrinkToFit="1"/>
    </xf>
    <xf numFmtId="0" fontId="43" fillId="0" borderId="189" xfId="0" applyFont="1" applyFill="1" applyBorder="1" applyAlignment="1" applyProtection="1">
      <alignment vertical="center"/>
    </xf>
    <xf numFmtId="49" fontId="43" fillId="0" borderId="160" xfId="0" applyNumberFormat="1" applyFont="1" applyFill="1" applyBorder="1" applyAlignment="1" applyProtection="1">
      <alignment horizontal="left" vertical="center" shrinkToFit="1"/>
    </xf>
    <xf numFmtId="49" fontId="43" fillId="0" borderId="190" xfId="0" applyNumberFormat="1" applyFont="1" applyFill="1" applyBorder="1" applyAlignment="1" applyProtection="1">
      <alignment horizontal="left" vertical="center" shrinkToFit="1"/>
    </xf>
    <xf numFmtId="0" fontId="45" fillId="34" borderId="191" xfId="0" applyFont="1" applyFill="1" applyBorder="1" applyAlignment="1" applyProtection="1">
      <alignment vertical="center"/>
    </xf>
    <xf numFmtId="0" fontId="43" fillId="34" borderId="147" xfId="0" applyFont="1" applyFill="1" applyBorder="1" applyAlignment="1" applyProtection="1">
      <alignment vertical="center" shrinkToFit="1"/>
    </xf>
    <xf numFmtId="0" fontId="46" fillId="34" borderId="148" xfId="0" applyFont="1" applyFill="1" applyBorder="1" applyAlignment="1" applyProtection="1">
      <alignment vertical="center"/>
    </xf>
    <xf numFmtId="0" fontId="45" fillId="34" borderId="152" xfId="0" applyFont="1" applyFill="1" applyBorder="1" applyAlignment="1" applyProtection="1">
      <alignment vertical="center"/>
    </xf>
    <xf numFmtId="0" fontId="46" fillId="34" borderId="152" xfId="0" applyFont="1" applyFill="1" applyBorder="1" applyAlignment="1" applyProtection="1">
      <alignment vertical="top"/>
    </xf>
    <xf numFmtId="0" fontId="43" fillId="34" borderId="0" xfId="0" applyFont="1" applyFill="1" applyBorder="1" applyAlignment="1" applyProtection="1">
      <alignment horizontal="left" vertical="center" shrinkToFit="1"/>
    </xf>
    <xf numFmtId="0" fontId="43" fillId="34" borderId="19" xfId="0" applyFont="1" applyFill="1" applyBorder="1" applyAlignment="1" applyProtection="1">
      <alignment horizontal="left" vertical="center" shrinkToFit="1"/>
    </xf>
    <xf numFmtId="0" fontId="43" fillId="34" borderId="21" xfId="0" applyFont="1" applyFill="1" applyBorder="1" applyAlignment="1" applyProtection="1">
      <alignment vertical="center"/>
    </xf>
    <xf numFmtId="0" fontId="19" fillId="0" borderId="165" xfId="0" applyFont="1" applyFill="1" applyBorder="1" applyAlignment="1" applyProtection="1">
      <alignment vertical="center"/>
    </xf>
    <xf numFmtId="0" fontId="19" fillId="0" borderId="154" xfId="0" applyFont="1" applyFill="1" applyBorder="1" applyAlignment="1" applyProtection="1">
      <alignment vertical="center"/>
    </xf>
    <xf numFmtId="49" fontId="19" fillId="0" borderId="154" xfId="0" applyNumberFormat="1" applyFont="1" applyFill="1" applyBorder="1" applyAlignment="1" applyProtection="1">
      <alignment horizontal="left" vertical="center" shrinkToFit="1"/>
    </xf>
    <xf numFmtId="49" fontId="19" fillId="0" borderId="163" xfId="0" applyNumberFormat="1" applyFont="1" applyFill="1" applyBorder="1" applyAlignment="1" applyProtection="1">
      <alignment horizontal="left" vertical="center" shrinkToFit="1"/>
    </xf>
    <xf numFmtId="0" fontId="19" fillId="0" borderId="167" xfId="0" applyFont="1" applyFill="1" applyBorder="1" applyAlignment="1" applyProtection="1">
      <alignment vertical="center"/>
    </xf>
    <xf numFmtId="49" fontId="19" fillId="0" borderId="168" xfId="0" applyNumberFormat="1" applyFont="1" applyFill="1" applyBorder="1" applyAlignment="1" applyProtection="1">
      <alignment horizontal="left" vertical="center" shrinkToFit="1"/>
    </xf>
    <xf numFmtId="0" fontId="43" fillId="34" borderId="139" xfId="0" applyFont="1" applyFill="1" applyBorder="1" applyAlignment="1" applyProtection="1">
      <alignment vertical="center"/>
    </xf>
    <xf numFmtId="0" fontId="43" fillId="34" borderId="141" xfId="0" applyFont="1" applyFill="1" applyBorder="1" applyAlignment="1" applyProtection="1">
      <alignment horizontal="left" vertical="center" shrinkToFit="1"/>
    </xf>
    <xf numFmtId="0" fontId="43" fillId="34" borderId="174" xfId="0" applyFont="1" applyFill="1" applyBorder="1" applyAlignment="1" applyProtection="1">
      <alignment vertical="center"/>
    </xf>
    <xf numFmtId="0" fontId="19" fillId="0" borderId="187" xfId="0" applyFont="1" applyFill="1" applyBorder="1" applyAlignment="1" applyProtection="1">
      <alignment vertical="center"/>
    </xf>
    <xf numFmtId="0" fontId="19" fillId="0" borderId="160" xfId="0" applyFont="1" applyFill="1" applyBorder="1" applyAlignment="1" applyProtection="1">
      <alignment vertical="center"/>
    </xf>
    <xf numFmtId="0" fontId="19" fillId="0" borderId="160" xfId="0" applyFont="1" applyFill="1" applyBorder="1" applyAlignment="1" applyProtection="1">
      <alignment horizontal="left" vertical="center" shrinkToFit="1"/>
    </xf>
    <xf numFmtId="0" fontId="19" fillId="0" borderId="190" xfId="0" applyFont="1" applyFill="1" applyBorder="1" applyAlignment="1" applyProtection="1">
      <alignment horizontal="left" vertical="center" shrinkToFit="1"/>
    </xf>
    <xf numFmtId="0" fontId="6" fillId="3" borderId="191" xfId="0" applyFont="1" applyFill="1" applyBorder="1" applyAlignment="1" applyProtection="1">
      <alignment vertical="center"/>
    </xf>
    <xf numFmtId="0" fontId="19" fillId="3" borderId="147" xfId="0" applyFont="1" applyFill="1" applyBorder="1" applyAlignment="1" applyProtection="1">
      <alignment vertical="center"/>
    </xf>
    <xf numFmtId="0" fontId="9" fillId="3" borderId="148" xfId="0" applyFont="1" applyFill="1" applyBorder="1" applyAlignment="1" applyProtection="1">
      <alignment vertical="center"/>
    </xf>
    <xf numFmtId="0" fontId="45" fillId="3" borderId="152" xfId="0" applyFont="1" applyFill="1" applyBorder="1" applyAlignment="1" applyProtection="1">
      <alignment vertical="center"/>
    </xf>
    <xf numFmtId="0" fontId="19" fillId="0" borderId="153" xfId="0" applyFont="1" applyBorder="1" applyAlignment="1" applyProtection="1">
      <alignment vertical="top" shrinkToFit="1"/>
    </xf>
    <xf numFmtId="0" fontId="19" fillId="34" borderId="171" xfId="0" applyFont="1" applyFill="1" applyBorder="1" applyAlignment="1" applyProtection="1">
      <alignment vertical="center"/>
    </xf>
    <xf numFmtId="0" fontId="19" fillId="34" borderId="141" xfId="0" applyFont="1" applyFill="1" applyBorder="1" applyAlignment="1" applyProtection="1">
      <alignment horizontal="left" vertical="center" shrinkToFit="1"/>
    </xf>
    <xf numFmtId="0" fontId="19" fillId="34" borderId="174" xfId="0" applyFont="1" applyFill="1" applyBorder="1" applyAlignment="1" applyProtection="1">
      <alignment horizontal="left" vertical="center" shrinkToFit="1"/>
    </xf>
    <xf numFmtId="0" fontId="19" fillId="34" borderId="169" xfId="0" applyFont="1" applyFill="1" applyBorder="1" applyAlignment="1" applyProtection="1">
      <alignment horizontal="left" vertical="center" shrinkToFit="1"/>
    </xf>
    <xf numFmtId="0" fontId="43" fillId="34" borderId="162" xfId="0" applyFont="1" applyFill="1" applyBorder="1" applyAlignment="1" applyProtection="1">
      <alignment vertical="center"/>
    </xf>
    <xf numFmtId="0" fontId="49" fillId="0" borderId="0" xfId="0" applyFont="1" applyFill="1" applyBorder="1" applyAlignment="1" applyProtection="1"/>
    <xf numFmtId="0" fontId="14" fillId="0" borderId="0" xfId="0" applyFont="1" applyFill="1" applyBorder="1" applyAlignment="1" applyProtection="1"/>
    <xf numFmtId="0" fontId="3" fillId="0" borderId="0" xfId="0" applyFont="1" applyBorder="1" applyAlignment="1">
      <alignment horizontal="justify" vertical="center" wrapText="1"/>
    </xf>
    <xf numFmtId="0" fontId="7" fillId="0" borderId="0" xfId="0" applyFont="1" applyBorder="1" applyAlignment="1">
      <alignment horizontal="justify" vertical="center" wrapText="1"/>
    </xf>
    <xf numFmtId="0" fontId="9" fillId="0" borderId="0" xfId="0" applyFont="1" applyBorder="1" applyAlignment="1">
      <alignment vertical="center" wrapText="1"/>
    </xf>
    <xf numFmtId="0" fontId="22" fillId="0" borderId="0" xfId="0" applyFont="1" applyBorder="1" applyAlignment="1">
      <alignment vertical="center"/>
    </xf>
    <xf numFmtId="0" fontId="19" fillId="0" borderId="0" xfId="0" applyFont="1" applyBorder="1" applyAlignment="1">
      <alignment vertical="center" wrapText="1"/>
    </xf>
    <xf numFmtId="0" fontId="7" fillId="37" borderId="27" xfId="0" applyFont="1" applyFill="1" applyBorder="1" applyAlignment="1" applyProtection="1">
      <alignment horizontal="left" vertical="center"/>
    </xf>
    <xf numFmtId="0" fontId="7" fillId="37" borderId="27" xfId="0" applyFont="1" applyFill="1" applyBorder="1" applyAlignment="1" applyProtection="1">
      <alignment horizontal="center" vertical="center"/>
    </xf>
    <xf numFmtId="0" fontId="51" fillId="37" borderId="27" xfId="0" applyFont="1" applyFill="1" applyBorder="1" applyAlignment="1" applyProtection="1">
      <alignment horizontal="left" vertical="center"/>
    </xf>
    <xf numFmtId="0" fontId="51" fillId="37" borderId="29" xfId="0" applyFont="1" applyFill="1" applyBorder="1" applyAlignment="1" applyProtection="1">
      <alignment horizontal="left" vertical="center"/>
    </xf>
    <xf numFmtId="0" fontId="7" fillId="37" borderId="0" xfId="0" applyFont="1" applyFill="1" applyBorder="1" applyAlignment="1" applyProtection="1">
      <alignment horizontal="left" vertical="center"/>
    </xf>
    <xf numFmtId="0" fontId="7" fillId="37" borderId="0" xfId="0" applyFont="1" applyFill="1" applyBorder="1" applyAlignment="1" applyProtection="1">
      <alignment horizontal="center" vertical="center"/>
    </xf>
    <xf numFmtId="0" fontId="51" fillId="37" borderId="0" xfId="0" applyFont="1" applyFill="1" applyBorder="1" applyAlignment="1" applyProtection="1">
      <alignment horizontal="left" vertical="center"/>
    </xf>
    <xf numFmtId="0" fontId="51" fillId="37" borderId="5" xfId="0" applyFont="1" applyFill="1" applyBorder="1" applyAlignment="1" applyProtection="1">
      <alignment horizontal="left" vertical="center"/>
    </xf>
    <xf numFmtId="0" fontId="42" fillId="37" borderId="0" xfId="0" applyFont="1" applyFill="1" applyAlignment="1">
      <alignment vertical="center"/>
    </xf>
    <xf numFmtId="0" fontId="7" fillId="37" borderId="23" xfId="0" applyFont="1" applyFill="1" applyBorder="1" applyAlignment="1" applyProtection="1">
      <alignment horizontal="left" vertical="center"/>
    </xf>
    <xf numFmtId="0" fontId="7" fillId="37" borderId="23" xfId="0" applyFont="1" applyFill="1" applyBorder="1" applyAlignment="1" applyProtection="1">
      <alignment horizontal="center" vertical="center"/>
    </xf>
    <xf numFmtId="0" fontId="51" fillId="37" borderId="23" xfId="0" applyFont="1" applyFill="1" applyBorder="1" applyAlignment="1" applyProtection="1">
      <alignment horizontal="left" vertical="center"/>
    </xf>
    <xf numFmtId="0" fontId="51" fillId="37" borderId="30" xfId="0" applyFont="1" applyFill="1" applyBorder="1" applyAlignment="1" applyProtection="1">
      <alignment horizontal="left" vertical="center"/>
    </xf>
    <xf numFmtId="0" fontId="9" fillId="37" borderId="2" xfId="0" applyFont="1" applyFill="1" applyBorder="1" applyAlignment="1">
      <alignment vertical="center"/>
    </xf>
    <xf numFmtId="0" fontId="9" fillId="37" borderId="2" xfId="0" applyFont="1" applyFill="1" applyBorder="1" applyAlignment="1">
      <alignment vertical="center" wrapText="1"/>
    </xf>
    <xf numFmtId="0" fontId="6" fillId="37" borderId="24" xfId="0" applyFont="1" applyFill="1" applyBorder="1" applyAlignment="1">
      <alignment vertical="center"/>
    </xf>
    <xf numFmtId="0" fontId="19" fillId="37" borderId="0" xfId="0" applyFont="1" applyFill="1" applyBorder="1" applyAlignment="1" applyProtection="1">
      <alignment vertical="center"/>
    </xf>
    <xf numFmtId="0" fontId="9" fillId="37" borderId="34" xfId="0" applyFont="1" applyFill="1" applyBorder="1" applyAlignment="1" applyProtection="1">
      <alignment vertical="center" shrinkToFit="1"/>
    </xf>
    <xf numFmtId="0" fontId="19" fillId="37" borderId="2" xfId="0" applyFont="1" applyFill="1" applyBorder="1" applyAlignment="1" applyProtection="1">
      <alignment vertical="center"/>
    </xf>
    <xf numFmtId="0" fontId="19" fillId="37" borderId="28" xfId="0" applyFont="1" applyFill="1" applyBorder="1" applyAlignment="1" applyProtection="1">
      <alignment horizontal="left" vertical="center"/>
    </xf>
    <xf numFmtId="0" fontId="19" fillId="37" borderId="2" xfId="0" applyFont="1" applyFill="1" applyBorder="1" applyAlignment="1" applyProtection="1">
      <alignment horizontal="left" vertical="center"/>
    </xf>
    <xf numFmtId="0" fontId="43" fillId="37" borderId="2" xfId="0" applyFont="1" applyFill="1" applyBorder="1" applyAlignment="1" applyProtection="1">
      <alignment horizontal="left" vertical="center"/>
    </xf>
    <xf numFmtId="0" fontId="46" fillId="37" borderId="2" xfId="0" applyFont="1" applyFill="1" applyBorder="1" applyAlignment="1" applyProtection="1">
      <alignment vertical="center"/>
    </xf>
    <xf numFmtId="0" fontId="43" fillId="37" borderId="2" xfId="0" applyFont="1" applyFill="1" applyBorder="1" applyAlignment="1" applyProtection="1">
      <alignment vertical="center"/>
    </xf>
    <xf numFmtId="0" fontId="43" fillId="37" borderId="2" xfId="0" applyFont="1" applyFill="1" applyBorder="1" applyAlignment="1" applyProtection="1">
      <alignment vertical="center" shrinkToFit="1"/>
    </xf>
    <xf numFmtId="0" fontId="43" fillId="37" borderId="31" xfId="0" applyFont="1" applyFill="1" applyBorder="1" applyAlignment="1" applyProtection="1">
      <alignment vertical="center" shrinkToFit="1"/>
    </xf>
    <xf numFmtId="0" fontId="19" fillId="37" borderId="49" xfId="0" applyFont="1" applyFill="1" applyBorder="1" applyAlignment="1" applyProtection="1">
      <alignment vertical="center"/>
    </xf>
    <xf numFmtId="0" fontId="19" fillId="37" borderId="24" xfId="0" applyFont="1" applyFill="1" applyBorder="1" applyAlignment="1" applyProtection="1">
      <alignment vertical="center"/>
    </xf>
    <xf numFmtId="0" fontId="6" fillId="37" borderId="24" xfId="0" applyFont="1" applyFill="1" applyBorder="1" applyAlignment="1" applyProtection="1">
      <alignment horizontal="center" vertical="center"/>
    </xf>
    <xf numFmtId="0" fontId="19" fillId="37" borderId="24" xfId="0" applyFont="1" applyFill="1" applyBorder="1" applyAlignment="1" applyProtection="1">
      <alignment horizontal="right" vertical="center"/>
    </xf>
    <xf numFmtId="0" fontId="19" fillId="37" borderId="32" xfId="0" applyFont="1" applyFill="1" applyBorder="1" applyAlignment="1" applyProtection="1">
      <alignment vertical="center"/>
    </xf>
    <xf numFmtId="0" fontId="21" fillId="37" borderId="21" xfId="0" applyFont="1" applyFill="1" applyBorder="1" applyAlignment="1" applyProtection="1">
      <alignment horizontal="left" vertical="center"/>
    </xf>
    <xf numFmtId="0" fontId="19" fillId="37" borderId="0" xfId="0" applyFont="1" applyFill="1" applyBorder="1" applyAlignment="1" applyProtection="1">
      <alignment horizontal="center" vertical="center"/>
    </xf>
    <xf numFmtId="0" fontId="9" fillId="37" borderId="0" xfId="0" applyFont="1" applyFill="1" applyBorder="1" applyAlignment="1" applyProtection="1">
      <alignment vertical="center"/>
    </xf>
    <xf numFmtId="0" fontId="19" fillId="37" borderId="5" xfId="0" applyFont="1" applyFill="1" applyBorder="1" applyAlignment="1" applyProtection="1">
      <alignment vertical="center"/>
    </xf>
    <xf numFmtId="0" fontId="19" fillId="37" borderId="4" xfId="0" applyFont="1" applyFill="1" applyBorder="1" applyAlignment="1" applyProtection="1">
      <alignment vertical="center" shrinkToFit="1"/>
    </xf>
    <xf numFmtId="0" fontId="19" fillId="37" borderId="0" xfId="0" applyFont="1" applyFill="1" applyBorder="1" applyAlignment="1" applyProtection="1">
      <alignment vertical="center" shrinkToFit="1"/>
    </xf>
    <xf numFmtId="0" fontId="19" fillId="37" borderId="19" xfId="0" applyFont="1" applyFill="1" applyBorder="1" applyAlignment="1" applyProtection="1">
      <alignment vertical="center" shrinkToFit="1"/>
    </xf>
    <xf numFmtId="0" fontId="9" fillId="37" borderId="21" xfId="0" applyFont="1" applyFill="1" applyBorder="1" applyAlignment="1" applyProtection="1">
      <alignment vertical="center" shrinkToFit="1"/>
    </xf>
    <xf numFmtId="0" fontId="9" fillId="37" borderId="41" xfId="0" applyFont="1" applyFill="1" applyBorder="1" applyAlignment="1">
      <alignment vertical="center"/>
    </xf>
    <xf numFmtId="0" fontId="9" fillId="37" borderId="38" xfId="0" applyFont="1" applyFill="1" applyBorder="1" applyAlignment="1">
      <alignment vertical="center" wrapText="1"/>
    </xf>
    <xf numFmtId="0" fontId="6" fillId="37" borderId="49" xfId="0" applyFont="1" applyFill="1" applyBorder="1" applyAlignment="1">
      <alignment vertical="center"/>
    </xf>
    <xf numFmtId="0" fontId="19" fillId="37" borderId="6" xfId="0" applyFont="1" applyFill="1" applyBorder="1" applyAlignment="1" applyProtection="1">
      <alignment vertical="top" shrinkToFit="1"/>
    </xf>
    <xf numFmtId="0" fontId="43" fillId="37" borderId="7" xfId="0" applyFont="1" applyFill="1" applyBorder="1" applyAlignment="1" applyProtection="1">
      <alignment vertical="center"/>
    </xf>
    <xf numFmtId="0" fontId="45" fillId="37" borderId="7" xfId="0" applyFont="1" applyFill="1" applyBorder="1" applyAlignment="1" applyProtection="1">
      <alignment vertical="center"/>
    </xf>
    <xf numFmtId="0" fontId="19" fillId="37" borderId="7" xfId="0" applyFont="1" applyFill="1" applyBorder="1" applyAlignment="1" applyProtection="1">
      <alignment vertical="center"/>
    </xf>
    <xf numFmtId="0" fontId="19" fillId="37" borderId="8" xfId="0" applyFont="1" applyFill="1" applyBorder="1" applyAlignment="1" applyProtection="1">
      <alignment vertical="center"/>
    </xf>
    <xf numFmtId="0" fontId="43" fillId="37" borderId="0" xfId="0" applyFont="1" applyFill="1" applyBorder="1" applyAlignment="1" applyProtection="1">
      <alignment vertical="center"/>
    </xf>
    <xf numFmtId="0" fontId="45" fillId="37" borderId="0" xfId="0" applyFont="1" applyFill="1" applyBorder="1" applyAlignment="1" applyProtection="1">
      <alignment vertical="center"/>
    </xf>
    <xf numFmtId="0" fontId="43" fillId="37" borderId="0" xfId="0" applyFont="1" applyFill="1" applyBorder="1" applyAlignment="1" applyProtection="1">
      <alignment vertical="center" shrinkToFit="1"/>
    </xf>
    <xf numFmtId="0" fontId="19" fillId="37" borderId="5" xfId="0" applyFont="1" applyFill="1" applyBorder="1" applyAlignment="1" applyProtection="1">
      <alignment vertical="center" shrinkToFit="1"/>
    </xf>
    <xf numFmtId="0" fontId="43" fillId="37" borderId="3" xfId="0" applyFont="1" applyFill="1" applyBorder="1" applyAlignment="1" applyProtection="1">
      <alignment vertical="center" shrinkToFit="1"/>
    </xf>
    <xf numFmtId="0" fontId="19" fillId="37" borderId="3" xfId="0" applyFont="1" applyFill="1" applyBorder="1" applyAlignment="1" applyProtection="1">
      <alignment vertical="center" shrinkToFit="1"/>
    </xf>
    <xf numFmtId="0" fontId="19" fillId="37" borderId="9" xfId="0" applyFont="1" applyFill="1" applyBorder="1" applyAlignment="1" applyProtection="1">
      <alignment vertical="center" shrinkToFit="1"/>
    </xf>
    <xf numFmtId="0" fontId="6" fillId="37" borderId="0" xfId="0" applyFont="1" applyFill="1" applyBorder="1" applyAlignment="1" applyProtection="1">
      <alignment vertical="center"/>
    </xf>
    <xf numFmtId="0" fontId="51" fillId="37" borderId="33" xfId="0" applyFont="1" applyFill="1" applyBorder="1" applyAlignment="1" applyProtection="1">
      <alignment horizontal="left" vertical="center"/>
    </xf>
    <xf numFmtId="0" fontId="51" fillId="37" borderId="0" xfId="0" applyFont="1" applyFill="1" applyBorder="1" applyAlignment="1" applyProtection="1">
      <alignment horizontal="center" vertical="center"/>
    </xf>
    <xf numFmtId="0" fontId="51" fillId="37" borderId="139" xfId="0" applyFont="1" applyFill="1" applyBorder="1" applyAlignment="1" applyProtection="1">
      <alignment horizontal="left" vertical="center"/>
    </xf>
    <xf numFmtId="0" fontId="52" fillId="37" borderId="0" xfId="0" applyFont="1" applyFill="1" applyBorder="1" applyAlignment="1">
      <alignment vertical="center"/>
    </xf>
    <xf numFmtId="0" fontId="51" fillId="37" borderId="23" xfId="0" applyFont="1" applyFill="1" applyBorder="1" applyAlignment="1" applyProtection="1">
      <alignment horizontal="center" vertical="center"/>
    </xf>
    <xf numFmtId="0" fontId="51" fillId="37" borderId="141" xfId="0" applyFont="1" applyFill="1" applyBorder="1" applyAlignment="1" applyProtection="1">
      <alignment horizontal="left" vertical="center"/>
    </xf>
    <xf numFmtId="0" fontId="9" fillId="37" borderId="23" xfId="0" applyFont="1" applyFill="1" applyBorder="1" applyAlignment="1" applyProtection="1">
      <alignment vertical="center" shrinkToFit="1"/>
    </xf>
    <xf numFmtId="0" fontId="43" fillId="37" borderId="174" xfId="0" applyFont="1" applyFill="1" applyBorder="1" applyAlignment="1" applyProtection="1">
      <alignment vertical="center" shrinkToFit="1"/>
    </xf>
    <xf numFmtId="0" fontId="19" fillId="37" borderId="139" xfId="0" applyFont="1" applyFill="1" applyBorder="1" applyAlignment="1" applyProtection="1">
      <alignment vertical="center"/>
    </xf>
    <xf numFmtId="0" fontId="19" fillId="37" borderId="153" xfId="0" applyFont="1" applyFill="1" applyBorder="1" applyAlignment="1" applyProtection="1">
      <alignment vertical="center" shrinkToFit="1"/>
    </xf>
    <xf numFmtId="0" fontId="6" fillId="37" borderId="136" xfId="0" applyFont="1" applyFill="1" applyBorder="1" applyAlignment="1" applyProtection="1">
      <alignment horizontal="center" vertical="center"/>
    </xf>
    <xf numFmtId="0" fontId="19" fillId="37" borderId="136" xfId="0" applyFont="1" applyFill="1" applyBorder="1" applyAlignment="1" applyProtection="1">
      <alignment vertical="center"/>
    </xf>
    <xf numFmtId="0" fontId="19" fillId="37" borderId="136" xfId="0" applyFont="1" applyFill="1" applyBorder="1" applyAlignment="1" applyProtection="1">
      <alignment vertical="center" shrinkToFit="1"/>
    </xf>
    <xf numFmtId="0" fontId="19" fillId="37" borderId="173" xfId="0" applyFont="1" applyFill="1" applyBorder="1" applyAlignment="1" applyProtection="1">
      <alignment vertical="center" shrinkToFit="1"/>
    </xf>
    <xf numFmtId="0" fontId="9" fillId="37" borderId="186" xfId="0" applyFont="1" applyFill="1" applyBorder="1" applyAlignment="1" applyProtection="1">
      <alignment vertical="center" shrinkToFit="1"/>
    </xf>
    <xf numFmtId="0" fontId="9" fillId="37" borderId="149" xfId="0" applyFont="1" applyFill="1" applyBorder="1" applyAlignment="1">
      <alignment vertical="center"/>
    </xf>
    <xf numFmtId="0" fontId="9" fillId="37" borderId="76" xfId="0" applyFont="1" applyFill="1" applyBorder="1" applyAlignment="1">
      <alignment vertical="center" wrapText="1"/>
    </xf>
    <xf numFmtId="0" fontId="9" fillId="37" borderId="68" xfId="0" applyFont="1" applyFill="1" applyBorder="1" applyAlignment="1">
      <alignment vertical="center" wrapText="1"/>
    </xf>
    <xf numFmtId="0" fontId="6" fillId="37" borderId="145" xfId="0" applyFont="1" applyFill="1" applyBorder="1" applyAlignment="1">
      <alignment vertical="center"/>
    </xf>
    <xf numFmtId="0" fontId="19" fillId="37" borderId="33" xfId="0" applyFont="1" applyFill="1" applyBorder="1" applyAlignment="1" applyProtection="1">
      <alignment vertical="center"/>
    </xf>
    <xf numFmtId="0" fontId="19" fillId="37" borderId="153" xfId="0" applyFont="1" applyFill="1" applyBorder="1" applyAlignment="1" applyProtection="1">
      <alignment vertical="top" shrinkToFit="1"/>
    </xf>
    <xf numFmtId="0" fontId="19" fillId="37" borderId="139" xfId="0" applyFont="1" applyFill="1" applyBorder="1" applyAlignment="1" applyProtection="1">
      <alignment vertical="center" shrinkToFit="1"/>
    </xf>
    <xf numFmtId="0" fontId="19" fillId="37" borderId="169" xfId="0" applyFont="1" applyFill="1" applyBorder="1" applyAlignment="1" applyProtection="1">
      <alignment vertical="center" shrinkToFit="1"/>
    </xf>
    <xf numFmtId="0" fontId="9" fillId="38" borderId="38" xfId="0" applyFont="1" applyFill="1" applyBorder="1" applyAlignment="1">
      <alignment vertical="center"/>
    </xf>
    <xf numFmtId="0" fontId="9" fillId="38" borderId="38" xfId="0" applyFont="1" applyFill="1" applyBorder="1" applyAlignment="1">
      <alignment vertical="center" wrapText="1"/>
    </xf>
    <xf numFmtId="0" fontId="19" fillId="38" borderId="38" xfId="0" applyFont="1" applyFill="1" applyBorder="1" applyAlignment="1">
      <alignment horizontal="left" vertical="center" shrinkToFit="1"/>
    </xf>
    <xf numFmtId="0" fontId="19" fillId="38" borderId="42" xfId="0" applyFont="1" applyFill="1" applyBorder="1" applyAlignment="1">
      <alignment horizontal="left" vertical="center" shrinkToFit="1"/>
    </xf>
    <xf numFmtId="0" fontId="9" fillId="38" borderId="84" xfId="0" applyFont="1" applyFill="1" applyBorder="1" applyAlignment="1" applyProtection="1">
      <alignment horizontal="left" vertical="center"/>
    </xf>
    <xf numFmtId="0" fontId="9" fillId="38" borderId="38" xfId="0" applyFont="1" applyFill="1" applyBorder="1" applyAlignment="1" applyProtection="1">
      <alignment horizontal="center" vertical="center"/>
    </xf>
    <xf numFmtId="0" fontId="9" fillId="38" borderId="42" xfId="0" applyFont="1" applyFill="1" applyBorder="1" applyAlignment="1" applyProtection="1">
      <alignment horizontal="center" vertical="center"/>
    </xf>
    <xf numFmtId="0" fontId="6" fillId="38" borderId="24" xfId="0" applyFont="1" applyFill="1" applyBorder="1" applyAlignment="1">
      <alignment vertical="center"/>
    </xf>
    <xf numFmtId="0" fontId="19" fillId="38" borderId="0" xfId="0" applyFont="1" applyFill="1" applyBorder="1" applyAlignment="1" applyProtection="1">
      <alignment vertical="center"/>
    </xf>
    <xf numFmtId="0" fontId="9" fillId="38" borderId="54" xfId="0" applyFont="1" applyFill="1" applyBorder="1" applyAlignment="1" applyProtection="1">
      <alignment horizontal="left" vertical="center"/>
    </xf>
    <xf numFmtId="0" fontId="9" fillId="38" borderId="24" xfId="0" applyFont="1" applyFill="1" applyBorder="1" applyAlignment="1" applyProtection="1">
      <alignment horizontal="center" vertical="center"/>
    </xf>
    <xf numFmtId="0" fontId="9" fillId="38" borderId="74" xfId="0" applyFont="1" applyFill="1" applyBorder="1" applyAlignment="1" applyProtection="1">
      <alignment horizontal="center" vertical="center"/>
    </xf>
    <xf numFmtId="0" fontId="9" fillId="38" borderId="33" xfId="0" applyFont="1" applyFill="1" applyBorder="1" applyAlignment="1" applyProtection="1">
      <alignment horizontal="left" vertical="center"/>
    </xf>
    <xf numFmtId="0" fontId="19" fillId="38" borderId="5" xfId="0" applyFont="1" applyFill="1" applyBorder="1" applyAlignment="1" applyProtection="1">
      <alignment vertical="center"/>
    </xf>
    <xf numFmtId="0" fontId="19" fillId="38" borderId="34" xfId="0" applyFont="1" applyFill="1" applyBorder="1" applyAlignment="1" applyProtection="1">
      <alignment vertical="top" shrinkToFit="1"/>
    </xf>
    <xf numFmtId="0" fontId="19" fillId="38" borderId="23" xfId="0" applyFont="1" applyFill="1" applyBorder="1" applyAlignment="1" applyProtection="1">
      <alignment horizontal="left" vertical="center" shrinkToFit="1"/>
    </xf>
    <xf numFmtId="0" fontId="19" fillId="38" borderId="75" xfId="0" applyFont="1" applyFill="1" applyBorder="1" applyAlignment="1" applyProtection="1">
      <alignment horizontal="left" vertical="center" shrinkToFit="1"/>
    </xf>
    <xf numFmtId="0" fontId="9" fillId="38" borderId="58" xfId="0" applyFont="1" applyFill="1" applyBorder="1" applyAlignment="1" applyProtection="1">
      <alignment horizontal="center" vertical="center"/>
    </xf>
    <xf numFmtId="0" fontId="9" fillId="38" borderId="23" xfId="0" applyFont="1" applyFill="1" applyBorder="1" applyAlignment="1" applyProtection="1">
      <alignment horizontal="center" vertical="center"/>
    </xf>
    <xf numFmtId="0" fontId="9" fillId="38" borderId="75" xfId="0" applyFont="1" applyFill="1" applyBorder="1" applyAlignment="1" applyProtection="1">
      <alignment horizontal="center" vertical="center"/>
    </xf>
    <xf numFmtId="0" fontId="19" fillId="38" borderId="37" xfId="0" applyFont="1" applyFill="1" applyBorder="1" applyAlignment="1" applyProtection="1">
      <alignment vertical="center"/>
    </xf>
    <xf numFmtId="0" fontId="19" fillId="38" borderId="2" xfId="0" applyFont="1" applyFill="1" applyBorder="1" applyAlignment="1" applyProtection="1">
      <alignment vertical="center"/>
    </xf>
    <xf numFmtId="0" fontId="19" fillId="38" borderId="35" xfId="0" applyFont="1" applyFill="1" applyBorder="1" applyAlignment="1" applyProtection="1">
      <alignment vertical="center"/>
    </xf>
    <xf numFmtId="0" fontId="9" fillId="38" borderId="46" xfId="0" applyFont="1" applyFill="1" applyBorder="1" applyAlignment="1" applyProtection="1">
      <alignment horizontal="left" vertical="center"/>
    </xf>
    <xf numFmtId="0" fontId="9" fillId="38" borderId="27" xfId="0" applyFont="1" applyFill="1" applyBorder="1" applyAlignment="1" applyProtection="1">
      <alignment horizontal="center" vertical="center"/>
    </xf>
    <xf numFmtId="0" fontId="9" fillId="38" borderId="80" xfId="0" applyFont="1" applyFill="1" applyBorder="1" applyAlignment="1" applyProtection="1">
      <alignment horizontal="center" vertical="center"/>
    </xf>
    <xf numFmtId="0" fontId="9" fillId="38" borderId="46" xfId="0" applyFont="1" applyFill="1" applyBorder="1" applyAlignment="1" applyProtection="1">
      <alignment horizontal="left" vertical="center" wrapText="1" shrinkToFit="1"/>
    </xf>
    <xf numFmtId="0" fontId="9" fillId="38" borderId="27" xfId="0" applyFont="1" applyFill="1" applyBorder="1" applyAlignment="1" applyProtection="1">
      <alignment horizontal="left" vertical="center" shrinkToFit="1"/>
    </xf>
    <xf numFmtId="0" fontId="9" fillId="38" borderId="29" xfId="0" applyFont="1" applyFill="1" applyBorder="1" applyAlignment="1" applyProtection="1">
      <alignment horizontal="left" vertical="center" shrinkToFit="1"/>
    </xf>
    <xf numFmtId="0" fontId="19" fillId="38" borderId="34" xfId="0" applyFont="1" applyFill="1" applyBorder="1" applyAlignment="1" applyProtection="1">
      <alignment vertical="center" shrinkToFit="1"/>
    </xf>
    <xf numFmtId="0" fontId="9" fillId="38" borderId="58" xfId="0" applyFont="1" applyFill="1" applyBorder="1" applyAlignment="1" applyProtection="1">
      <alignment horizontal="left" vertical="center" shrinkToFit="1"/>
    </xf>
    <xf numFmtId="0" fontId="9" fillId="38" borderId="23" xfId="0" applyFont="1" applyFill="1" applyBorder="1" applyAlignment="1" applyProtection="1">
      <alignment horizontal="left" vertical="center" shrinkToFit="1"/>
    </xf>
    <xf numFmtId="0" fontId="9" fillId="38" borderId="30" xfId="0" applyFont="1" applyFill="1" applyBorder="1" applyAlignment="1" applyProtection="1">
      <alignment horizontal="left" vertical="center" shrinkToFit="1"/>
    </xf>
    <xf numFmtId="0" fontId="19" fillId="38" borderId="28" xfId="0" applyFont="1" applyFill="1" applyBorder="1" applyAlignment="1" applyProtection="1">
      <alignment horizontal="left" vertical="center"/>
    </xf>
    <xf numFmtId="0" fontId="19" fillId="38" borderId="2" xfId="0" applyFont="1" applyFill="1" applyBorder="1" applyAlignment="1" applyProtection="1">
      <alignment horizontal="left" vertical="center"/>
    </xf>
    <xf numFmtId="0" fontId="9" fillId="38" borderId="2" xfId="0" applyFont="1" applyFill="1" applyBorder="1" applyAlignment="1" applyProtection="1">
      <alignment vertical="center"/>
    </xf>
    <xf numFmtId="0" fontId="19" fillId="38" borderId="31" xfId="0" applyFont="1" applyFill="1" applyBorder="1" applyAlignment="1" applyProtection="1">
      <alignment vertical="center"/>
    </xf>
    <xf numFmtId="0" fontId="19" fillId="38" borderId="47" xfId="0" applyFont="1" applyFill="1" applyBorder="1" applyAlignment="1" applyProtection="1">
      <alignment vertical="center" shrinkToFit="1"/>
    </xf>
    <xf numFmtId="49" fontId="19" fillId="38" borderId="1" xfId="0" applyNumberFormat="1" applyFont="1" applyFill="1" applyBorder="1" applyAlignment="1" applyProtection="1">
      <alignment horizontal="left" vertical="center" shrinkToFit="1"/>
    </xf>
    <xf numFmtId="49" fontId="19" fillId="38" borderId="81" xfId="0" applyNumberFormat="1" applyFont="1" applyFill="1" applyBorder="1" applyAlignment="1" applyProtection="1">
      <alignment horizontal="left" vertical="center" shrinkToFit="1"/>
    </xf>
    <xf numFmtId="0" fontId="19" fillId="38" borderId="48" xfId="0" applyFont="1" applyFill="1" applyBorder="1" applyAlignment="1" applyProtection="1">
      <alignment vertical="center" shrinkToFit="1"/>
    </xf>
    <xf numFmtId="0" fontId="19" fillId="38" borderId="1" xfId="0" applyFont="1" applyFill="1" applyBorder="1" applyAlignment="1" applyProtection="1">
      <alignment horizontal="center" vertical="center" shrinkToFit="1"/>
    </xf>
    <xf numFmtId="0" fontId="19" fillId="38" borderId="79" xfId="0" applyFont="1" applyFill="1" applyBorder="1" applyAlignment="1" applyProtection="1">
      <alignment horizontal="center" vertical="center" shrinkToFit="1"/>
    </xf>
    <xf numFmtId="0" fontId="9" fillId="38" borderId="46" xfId="0" applyFont="1" applyFill="1" applyBorder="1" applyAlignment="1" applyProtection="1">
      <alignment horizontal="right" vertical="top" wrapText="1" shrinkToFit="1"/>
    </xf>
    <xf numFmtId="0" fontId="19" fillId="38" borderId="0" xfId="0" applyFont="1" applyFill="1" applyBorder="1" applyAlignment="1" applyProtection="1">
      <alignment horizontal="left" vertical="center"/>
    </xf>
    <xf numFmtId="0" fontId="19" fillId="38" borderId="0" xfId="0" applyFont="1" applyFill="1" applyBorder="1" applyAlignment="1" applyProtection="1">
      <alignment horizontal="center" vertical="center"/>
    </xf>
    <xf numFmtId="0" fontId="9" fillId="38" borderId="0" xfId="0" applyFont="1" applyFill="1" applyBorder="1" applyAlignment="1" applyProtection="1">
      <alignment vertical="center"/>
    </xf>
    <xf numFmtId="0" fontId="19" fillId="38" borderId="3" xfId="0" applyFont="1" applyFill="1" applyBorder="1" applyAlignment="1" applyProtection="1">
      <alignment vertical="center"/>
    </xf>
    <xf numFmtId="0" fontId="9" fillId="38" borderId="3" xfId="0" applyFont="1" applyFill="1" applyBorder="1" applyAlignment="1" applyProtection="1">
      <alignment vertical="top"/>
    </xf>
    <xf numFmtId="0" fontId="51" fillId="38" borderId="27" xfId="0" applyFont="1" applyFill="1" applyBorder="1" applyAlignment="1" applyProtection="1">
      <alignment horizontal="left" vertical="center"/>
    </xf>
    <xf numFmtId="0" fontId="51" fillId="38" borderId="27" xfId="0" applyFont="1" applyFill="1" applyBorder="1" applyAlignment="1" applyProtection="1">
      <alignment horizontal="center" vertical="center"/>
    </xf>
    <xf numFmtId="0" fontId="51" fillId="38" borderId="29" xfId="0" applyFont="1" applyFill="1" applyBorder="1" applyAlignment="1" applyProtection="1">
      <alignment horizontal="left" vertical="center"/>
    </xf>
    <xf numFmtId="0" fontId="51" fillId="38" borderId="0" xfId="0" applyFont="1" applyFill="1" applyBorder="1" applyAlignment="1" applyProtection="1">
      <alignment horizontal="left" vertical="center"/>
    </xf>
    <xf numFmtId="0" fontId="51" fillId="38" borderId="0" xfId="0" applyFont="1" applyFill="1" applyBorder="1" applyAlignment="1" applyProtection="1">
      <alignment horizontal="center" vertical="center"/>
    </xf>
    <xf numFmtId="0" fontId="51" fillId="38" borderId="5" xfId="0" applyFont="1" applyFill="1" applyBorder="1" applyAlignment="1" applyProtection="1">
      <alignment horizontal="left" vertical="center"/>
    </xf>
    <xf numFmtId="0" fontId="52" fillId="38" borderId="0" xfId="0" applyFont="1" applyFill="1" applyAlignment="1">
      <alignment vertical="center"/>
    </xf>
    <xf numFmtId="0" fontId="51" fillId="38" borderId="23" xfId="0" applyFont="1" applyFill="1" applyBorder="1" applyAlignment="1" applyProtection="1">
      <alignment horizontal="left" vertical="center"/>
    </xf>
    <xf numFmtId="0" fontId="51" fillId="38" borderId="23" xfId="0" applyFont="1" applyFill="1" applyBorder="1" applyAlignment="1" applyProtection="1">
      <alignment horizontal="center" vertical="center"/>
    </xf>
    <xf numFmtId="0" fontId="51" fillId="38" borderId="30" xfId="0" applyFont="1" applyFill="1" applyBorder="1" applyAlignment="1" applyProtection="1">
      <alignment horizontal="left" vertical="center"/>
    </xf>
    <xf numFmtId="0" fontId="9" fillId="38" borderId="2" xfId="0" applyFont="1" applyFill="1" applyBorder="1" applyAlignment="1">
      <alignment vertical="center"/>
    </xf>
    <xf numFmtId="0" fontId="9" fillId="38" borderId="2" xfId="0" applyFont="1" applyFill="1" applyBorder="1" applyAlignment="1">
      <alignment vertical="center" wrapText="1"/>
    </xf>
    <xf numFmtId="0" fontId="9" fillId="38" borderId="34" xfId="0" applyFont="1" applyFill="1" applyBorder="1" applyAlignment="1" applyProtection="1">
      <alignment vertical="center" shrinkToFit="1"/>
    </xf>
    <xf numFmtId="0" fontId="43" fillId="38" borderId="2" xfId="0" applyFont="1" applyFill="1" applyBorder="1" applyAlignment="1" applyProtection="1">
      <alignment horizontal="left" vertical="center"/>
    </xf>
    <xf numFmtId="0" fontId="46" fillId="38" borderId="2" xfId="0" applyFont="1" applyFill="1" applyBorder="1" applyAlignment="1" applyProtection="1">
      <alignment vertical="center"/>
    </xf>
    <xf numFmtId="0" fontId="43" fillId="38" borderId="2" xfId="0" applyFont="1" applyFill="1" applyBorder="1" applyAlignment="1" applyProtection="1">
      <alignment vertical="center"/>
    </xf>
    <xf numFmtId="0" fontId="43" fillId="38" borderId="2" xfId="0" applyFont="1" applyFill="1" applyBorder="1" applyAlignment="1" applyProtection="1">
      <alignment vertical="center" shrinkToFit="1"/>
    </xf>
    <xf numFmtId="0" fontId="43" fillId="38" borderId="31" xfId="0" applyFont="1" applyFill="1" applyBorder="1" applyAlignment="1" applyProtection="1">
      <alignment vertical="center" shrinkToFit="1"/>
    </xf>
    <xf numFmtId="0" fontId="19" fillId="38" borderId="49" xfId="0" applyFont="1" applyFill="1" applyBorder="1" applyAlignment="1" applyProtection="1">
      <alignment vertical="center"/>
    </xf>
    <xf numFmtId="0" fontId="19" fillId="38" borderId="24" xfId="0" applyFont="1" applyFill="1" applyBorder="1" applyAlignment="1" applyProtection="1">
      <alignment vertical="center"/>
    </xf>
    <xf numFmtId="0" fontId="6" fillId="38" borderId="24" xfId="0" applyFont="1" applyFill="1" applyBorder="1" applyAlignment="1" applyProtection="1">
      <alignment horizontal="center" vertical="center"/>
    </xf>
    <xf numFmtId="0" fontId="19" fillId="38" borderId="24" xfId="0" applyFont="1" applyFill="1" applyBorder="1" applyAlignment="1" applyProtection="1">
      <alignment horizontal="right" vertical="center"/>
    </xf>
    <xf numFmtId="0" fontId="19" fillId="38" borderId="32" xfId="0" applyFont="1" applyFill="1" applyBorder="1" applyAlignment="1" applyProtection="1">
      <alignment vertical="center"/>
    </xf>
    <xf numFmtId="0" fontId="21" fillId="38" borderId="21" xfId="0" applyFont="1" applyFill="1" applyBorder="1" applyAlignment="1" applyProtection="1">
      <alignment horizontal="left" vertical="center"/>
    </xf>
    <xf numFmtId="0" fontId="19" fillId="38" borderId="4" xfId="0" applyFont="1" applyFill="1" applyBorder="1" applyAlignment="1" applyProtection="1">
      <alignment vertical="center" shrinkToFit="1"/>
    </xf>
    <xf numFmtId="0" fontId="6" fillId="38" borderId="0" xfId="0" applyFont="1" applyFill="1" applyBorder="1" applyAlignment="1" applyProtection="1">
      <alignment horizontal="center" vertical="center"/>
    </xf>
    <xf numFmtId="0" fontId="19" fillId="38" borderId="0" xfId="0" applyFont="1" applyFill="1" applyBorder="1" applyAlignment="1" applyProtection="1">
      <alignment vertical="center" shrinkToFit="1"/>
    </xf>
    <xf numFmtId="0" fontId="19" fillId="38" borderId="19" xfId="0" applyFont="1" applyFill="1" applyBorder="1" applyAlignment="1" applyProtection="1">
      <alignment vertical="center" shrinkToFit="1"/>
    </xf>
    <xf numFmtId="0" fontId="9" fillId="38" borderId="21" xfId="0" applyFont="1" applyFill="1" applyBorder="1" applyAlignment="1" applyProtection="1">
      <alignment vertical="center" shrinkToFit="1"/>
    </xf>
    <xf numFmtId="0" fontId="9" fillId="38" borderId="41" xfId="0" applyFont="1" applyFill="1" applyBorder="1" applyAlignment="1">
      <alignment vertical="center"/>
    </xf>
    <xf numFmtId="0" fontId="6" fillId="38" borderId="49" xfId="0" applyFont="1" applyFill="1" applyBorder="1" applyAlignment="1">
      <alignment vertical="center"/>
    </xf>
    <xf numFmtId="0" fontId="19" fillId="38" borderId="6" xfId="0" applyFont="1" applyFill="1" applyBorder="1" applyAlignment="1" applyProtection="1">
      <alignment vertical="top" shrinkToFit="1"/>
    </xf>
    <xf numFmtId="0" fontId="19" fillId="38" borderId="7" xfId="0" applyFont="1" applyFill="1" applyBorder="1" applyAlignment="1" applyProtection="1">
      <alignment vertical="center"/>
    </xf>
    <xf numFmtId="0" fontId="6" fillId="38" borderId="7" xfId="0" applyFont="1" applyFill="1" applyBorder="1" applyAlignment="1" applyProtection="1">
      <alignment vertical="center"/>
    </xf>
    <xf numFmtId="0" fontId="19" fillId="38" borderId="8" xfId="0" applyFont="1" applyFill="1" applyBorder="1" applyAlignment="1" applyProtection="1">
      <alignment vertical="center"/>
    </xf>
    <xf numFmtId="0" fontId="6" fillId="38" borderId="0" xfId="0" applyFont="1" applyFill="1" applyBorder="1" applyAlignment="1" applyProtection="1">
      <alignment vertical="center"/>
    </xf>
    <xf numFmtId="0" fontId="19" fillId="38" borderId="5" xfId="0" applyFont="1" applyFill="1" applyBorder="1" applyAlignment="1" applyProtection="1">
      <alignment vertical="center" shrinkToFit="1"/>
    </xf>
    <xf numFmtId="0" fontId="19" fillId="38" borderId="136" xfId="0" applyFont="1" applyFill="1" applyBorder="1" applyAlignment="1" applyProtection="1">
      <alignment vertical="center" shrinkToFit="1"/>
    </xf>
    <xf numFmtId="0" fontId="19" fillId="38" borderId="138" xfId="0" applyFont="1" applyFill="1" applyBorder="1" applyAlignment="1" applyProtection="1">
      <alignment vertical="center" shrinkToFit="1"/>
    </xf>
    <xf numFmtId="0" fontId="7" fillId="37" borderId="2" xfId="0" applyFont="1" applyFill="1" applyBorder="1" applyAlignment="1">
      <alignment vertical="center" wrapText="1"/>
    </xf>
    <xf numFmtId="0" fontId="6" fillId="37" borderId="61" xfId="0" applyFont="1" applyFill="1" applyBorder="1" applyAlignment="1">
      <alignment vertical="center" wrapText="1"/>
    </xf>
    <xf numFmtId="0" fontId="19" fillId="34" borderId="0" xfId="0" applyFont="1" applyFill="1" applyBorder="1" applyAlignment="1" applyProtection="1">
      <alignment horizontal="center"/>
    </xf>
    <xf numFmtId="0" fontId="19" fillId="3" borderId="0" xfId="0" applyFont="1" applyFill="1" applyBorder="1" applyAlignment="1" applyProtection="1">
      <alignment horizontal="left" vertical="center"/>
    </xf>
    <xf numFmtId="0" fontId="19" fillId="34" borderId="0" xfId="0" applyFont="1" applyFill="1" applyBorder="1" applyAlignment="1" applyProtection="1">
      <alignment horizontal="center"/>
    </xf>
    <xf numFmtId="0" fontId="11" fillId="35" borderId="0" xfId="0" applyFont="1" applyFill="1" applyAlignment="1" applyProtection="1">
      <alignment horizontal="center"/>
    </xf>
    <xf numFmtId="0" fontId="11" fillId="0" borderId="17" xfId="0" applyFont="1" applyFill="1" applyBorder="1" applyAlignment="1" applyProtection="1">
      <alignment horizontal="center"/>
    </xf>
    <xf numFmtId="0" fontId="6" fillId="37" borderId="0" xfId="0" applyFont="1" applyFill="1" applyBorder="1" applyAlignment="1" applyProtection="1">
      <alignment horizontal="center" vertical="center"/>
    </xf>
    <xf numFmtId="0" fontId="43" fillId="34" borderId="0" xfId="0" applyFont="1" applyFill="1" applyBorder="1" applyAlignment="1" applyProtection="1">
      <alignment horizontal="right" vertical="center" shrinkToFit="1"/>
    </xf>
    <xf numFmtId="0" fontId="45" fillId="34" borderId="3" xfId="0" applyFont="1" applyFill="1" applyBorder="1" applyAlignment="1" applyProtection="1">
      <alignment horizontal="left" shrinkToFit="1"/>
    </xf>
    <xf numFmtId="49" fontId="43" fillId="34" borderId="25" xfId="0" applyNumberFormat="1" applyFont="1" applyFill="1" applyBorder="1" applyAlignment="1" applyProtection="1">
      <alignment horizontal="left" vertical="center" shrinkToFit="1"/>
    </xf>
    <xf numFmtId="49" fontId="43" fillId="34" borderId="63" xfId="0" applyNumberFormat="1" applyFont="1" applyFill="1" applyBorder="1" applyAlignment="1" applyProtection="1">
      <alignment horizontal="left" vertical="center" shrinkToFit="1"/>
    </xf>
    <xf numFmtId="49" fontId="43" fillId="34" borderId="64" xfId="0" applyNumberFormat="1" applyFont="1" applyFill="1" applyBorder="1" applyAlignment="1" applyProtection="1">
      <alignment horizontal="left" vertical="center" shrinkToFit="1"/>
    </xf>
    <xf numFmtId="0" fontId="43" fillId="34" borderId="16" xfId="0" applyFont="1" applyFill="1" applyBorder="1" applyAlignment="1" applyProtection="1">
      <alignment horizontal="left" vertical="center" shrinkToFit="1"/>
    </xf>
    <xf numFmtId="0" fontId="43" fillId="34" borderId="17" xfId="0" applyFont="1" applyFill="1" applyBorder="1" applyAlignment="1" applyProtection="1">
      <alignment horizontal="left" vertical="center" shrinkToFit="1"/>
    </xf>
    <xf numFmtId="49" fontId="43" fillId="34" borderId="16" xfId="0" applyNumberFormat="1" applyFont="1" applyFill="1" applyBorder="1" applyAlignment="1" applyProtection="1">
      <alignment horizontal="left" vertical="center" shrinkToFit="1"/>
    </xf>
    <xf numFmtId="49" fontId="43" fillId="34" borderId="18" xfId="0" applyNumberFormat="1" applyFont="1" applyFill="1" applyBorder="1" applyAlignment="1" applyProtection="1">
      <alignment horizontal="left" vertical="center" shrinkToFit="1"/>
    </xf>
    <xf numFmtId="0" fontId="43" fillId="34" borderId="23" xfId="0" applyFont="1" applyFill="1" applyBorder="1" applyAlignment="1" applyProtection="1">
      <alignment horizontal="left" vertical="center" shrinkToFit="1"/>
    </xf>
    <xf numFmtId="0" fontId="43" fillId="34" borderId="30" xfId="0" applyFont="1" applyFill="1" applyBorder="1" applyAlignment="1" applyProtection="1">
      <alignment horizontal="left" vertical="center" shrinkToFit="1"/>
    </xf>
    <xf numFmtId="0" fontId="43" fillId="34" borderId="2" xfId="0" applyFont="1" applyFill="1" applyBorder="1" applyAlignment="1" applyProtection="1">
      <alignment horizontal="left" vertical="center" shrinkToFit="1"/>
    </xf>
    <xf numFmtId="0" fontId="44" fillId="0" borderId="0" xfId="0" applyFont="1" applyAlignment="1"/>
    <xf numFmtId="0" fontId="43" fillId="34" borderId="0" xfId="0" applyFont="1" applyFill="1" applyAlignment="1"/>
    <xf numFmtId="0" fontId="43" fillId="34" borderId="0" xfId="0" applyFont="1" applyFill="1">
      <alignment vertical="center"/>
    </xf>
    <xf numFmtId="0" fontId="43" fillId="34" borderId="0" xfId="0" applyFont="1" applyFill="1" applyAlignment="1">
      <alignment horizontal="center" vertical="center"/>
    </xf>
    <xf numFmtId="0" fontId="44" fillId="34" borderId="0" xfId="0" applyFont="1" applyFill="1" applyAlignment="1"/>
    <xf numFmtId="0" fontId="45" fillId="34" borderId="0" xfId="0" applyFont="1" applyFill="1" applyAlignment="1"/>
    <xf numFmtId="0" fontId="45" fillId="34" borderId="3" xfId="0" applyFont="1" applyFill="1" applyBorder="1" applyAlignment="1"/>
    <xf numFmtId="0" fontId="43" fillId="3" borderId="25" xfId="0" applyFont="1" applyFill="1" applyBorder="1">
      <alignment vertical="center"/>
    </xf>
    <xf numFmtId="0" fontId="43" fillId="34" borderId="25" xfId="0" applyFont="1" applyFill="1" applyBorder="1">
      <alignment vertical="center"/>
    </xf>
    <xf numFmtId="0" fontId="43" fillId="34" borderId="26" xfId="0" applyFont="1" applyFill="1" applyBorder="1">
      <alignment vertical="center"/>
    </xf>
    <xf numFmtId="0" fontId="43" fillId="3" borderId="16" xfId="0" applyFont="1" applyFill="1" applyBorder="1">
      <alignment vertical="center"/>
    </xf>
    <xf numFmtId="0" fontId="43" fillId="34" borderId="16" xfId="0" applyFont="1" applyFill="1" applyBorder="1">
      <alignment vertical="center"/>
    </xf>
    <xf numFmtId="0" fontId="43" fillId="34" borderId="15" xfId="0" applyFont="1" applyFill="1" applyBorder="1">
      <alignment vertical="center"/>
    </xf>
    <xf numFmtId="0" fontId="45" fillId="3" borderId="27" xfId="0" applyFont="1" applyFill="1" applyBorder="1">
      <alignment vertical="center"/>
    </xf>
    <xf numFmtId="0" fontId="43" fillId="34" borderId="27" xfId="0" applyFont="1" applyFill="1" applyBorder="1">
      <alignment vertical="center"/>
    </xf>
    <xf numFmtId="0" fontId="43" fillId="34" borderId="29" xfId="0" applyFont="1" applyFill="1" applyBorder="1">
      <alignment vertical="center"/>
    </xf>
    <xf numFmtId="0" fontId="43" fillId="3" borderId="34" xfId="0" applyFont="1" applyFill="1" applyBorder="1" applyAlignment="1">
      <alignment vertical="center" shrinkToFit="1"/>
    </xf>
    <xf numFmtId="0" fontId="46" fillId="3" borderId="2" xfId="0" applyFont="1" applyFill="1" applyBorder="1">
      <alignment vertical="center"/>
    </xf>
    <xf numFmtId="0" fontId="43" fillId="34" borderId="2" xfId="0" applyFont="1" applyFill="1" applyBorder="1">
      <alignment vertical="center"/>
    </xf>
    <xf numFmtId="0" fontId="45" fillId="3" borderId="0" xfId="0" applyFont="1" applyFill="1">
      <alignment vertical="center"/>
    </xf>
    <xf numFmtId="0" fontId="43" fillId="39" borderId="21" xfId="0" applyFont="1" applyFill="1" applyBorder="1">
      <alignment vertical="center"/>
    </xf>
    <xf numFmtId="0" fontId="43" fillId="39" borderId="0" xfId="0" applyFont="1" applyFill="1">
      <alignment vertical="center"/>
    </xf>
    <xf numFmtId="0" fontId="43" fillId="39" borderId="5" xfId="0" applyFont="1" applyFill="1" applyBorder="1">
      <alignment vertical="center"/>
    </xf>
    <xf numFmtId="0" fontId="46" fillId="0" borderId="23" xfId="0" applyFont="1" applyBorder="1" applyAlignment="1">
      <alignment vertical="top"/>
    </xf>
    <xf numFmtId="0" fontId="43" fillId="39" borderId="22" xfId="0" applyFont="1" applyFill="1" applyBorder="1">
      <alignment vertical="center"/>
    </xf>
    <xf numFmtId="0" fontId="43" fillId="39" borderId="30" xfId="0" applyFont="1" applyFill="1" applyBorder="1">
      <alignment vertical="center"/>
    </xf>
    <xf numFmtId="0" fontId="43" fillId="3" borderId="0" xfId="0" applyFont="1" applyFill="1" applyAlignment="1">
      <alignment horizontal="center" vertical="center" textRotation="255"/>
    </xf>
    <xf numFmtId="0" fontId="45" fillId="3" borderId="0" xfId="0" applyFont="1" applyFill="1" applyAlignment="1">
      <alignment horizontal="left" vertical="center"/>
    </xf>
    <xf numFmtId="0" fontId="43" fillId="3" borderId="0" xfId="0" applyFont="1" applyFill="1" applyAlignment="1">
      <alignment horizontal="center" vertical="center" shrinkToFit="1"/>
    </xf>
    <xf numFmtId="0" fontId="45" fillId="3" borderId="0" xfId="0" applyFont="1" applyFill="1" applyAlignment="1">
      <alignment horizontal="center" vertical="center"/>
    </xf>
    <xf numFmtId="0" fontId="43" fillId="3" borderId="0" xfId="0" applyFont="1" applyFill="1">
      <alignment vertical="center"/>
    </xf>
    <xf numFmtId="0" fontId="46" fillId="3" borderId="0" xfId="0" applyFont="1" applyFill="1" applyAlignment="1">
      <alignment vertical="top"/>
    </xf>
    <xf numFmtId="0" fontId="44" fillId="42" borderId="0" xfId="0" applyFont="1" applyFill="1" applyAlignment="1">
      <alignment horizontal="center"/>
    </xf>
    <xf numFmtId="0" fontId="43" fillId="3" borderId="0" xfId="0" applyFont="1" applyFill="1" applyAlignment="1">
      <alignment horizontal="center"/>
    </xf>
    <xf numFmtId="0" fontId="43" fillId="34" borderId="34" xfId="0" applyFont="1" applyFill="1" applyBorder="1">
      <alignment vertical="center"/>
    </xf>
    <xf numFmtId="0" fontId="46" fillId="34" borderId="2" xfId="0" applyFont="1" applyFill="1" applyBorder="1">
      <alignment vertical="center"/>
    </xf>
    <xf numFmtId="0" fontId="45" fillId="34" borderId="0" xfId="0" applyFont="1" applyFill="1">
      <alignment vertical="center"/>
    </xf>
    <xf numFmtId="0" fontId="46" fillId="34" borderId="0" xfId="0" applyFont="1" applyFill="1">
      <alignment vertical="center"/>
    </xf>
    <xf numFmtId="0" fontId="43" fillId="34" borderId="5" xfId="0" applyFont="1" applyFill="1" applyBorder="1">
      <alignment vertical="center"/>
    </xf>
    <xf numFmtId="0" fontId="43" fillId="34" borderId="34" xfId="0" applyFont="1" applyFill="1" applyBorder="1" applyAlignment="1">
      <alignment vertical="top" shrinkToFit="1"/>
    </xf>
    <xf numFmtId="0" fontId="44" fillId="0" borderId="0" xfId="0" applyFont="1" applyAlignment="1">
      <alignment shrinkToFit="1"/>
    </xf>
    <xf numFmtId="0" fontId="55" fillId="0" borderId="0" xfId="0" applyFont="1">
      <alignment vertical="center"/>
    </xf>
    <xf numFmtId="0" fontId="49" fillId="0" borderId="0" xfId="0" applyFont="1">
      <alignment vertical="center"/>
    </xf>
    <xf numFmtId="0" fontId="55" fillId="0" borderId="0" xfId="0" applyFont="1" applyAlignment="1">
      <alignment vertical="center" shrinkToFit="1"/>
    </xf>
    <xf numFmtId="0" fontId="49" fillId="0" borderId="0" xfId="0" applyFont="1" applyAlignment="1">
      <alignment vertical="center" shrinkToFit="1"/>
    </xf>
    <xf numFmtId="0" fontId="56" fillId="0" borderId="0" xfId="0" applyFont="1" applyAlignment="1">
      <alignment vertical="center" shrinkToFit="1"/>
    </xf>
    <xf numFmtId="0" fontId="49" fillId="0" borderId="0" xfId="0" applyFont="1" applyAlignment="1">
      <alignment vertical="top"/>
    </xf>
    <xf numFmtId="0" fontId="49" fillId="0" borderId="0" xfId="0" applyFont="1" applyAlignment="1">
      <alignment vertical="top" shrinkToFit="1"/>
    </xf>
    <xf numFmtId="0" fontId="11" fillId="35" borderId="0" xfId="0" applyFont="1" applyFill="1" applyAlignment="1" applyProtection="1">
      <alignment horizontal="center"/>
    </xf>
    <xf numFmtId="0" fontId="19" fillId="34" borderId="0" xfId="0" applyFont="1" applyFill="1" applyBorder="1" applyAlignment="1" applyProtection="1">
      <alignment horizontal="center"/>
    </xf>
    <xf numFmtId="0" fontId="43" fillId="34" borderId="0" xfId="0" applyFont="1" applyFill="1" applyBorder="1" applyAlignment="1" applyProtection="1">
      <alignment horizontal="center" vertical="center" shrinkToFit="1"/>
    </xf>
    <xf numFmtId="0" fontId="3" fillId="40" borderId="16" xfId="0" applyFont="1" applyFill="1" applyBorder="1" applyAlignment="1">
      <alignment vertical="center" wrapText="1"/>
    </xf>
    <xf numFmtId="0" fontId="6" fillId="34" borderId="27" xfId="0" applyFont="1" applyFill="1" applyBorder="1">
      <alignment vertical="center"/>
    </xf>
    <xf numFmtId="0" fontId="48" fillId="34" borderId="0" xfId="0" applyFont="1" applyFill="1">
      <alignment vertical="center"/>
    </xf>
    <xf numFmtId="0" fontId="19" fillId="37" borderId="51" xfId="0" applyFont="1" applyFill="1" applyBorder="1" applyAlignment="1" applyProtection="1">
      <alignment horizontal="left" vertical="center"/>
    </xf>
    <xf numFmtId="0" fontId="19" fillId="37" borderId="16" xfId="0" applyFont="1" applyFill="1" applyBorder="1" applyAlignment="1" applyProtection="1">
      <alignment horizontal="left" vertical="center"/>
    </xf>
    <xf numFmtId="0" fontId="19" fillId="37" borderId="206" xfId="0" applyFont="1" applyFill="1" applyBorder="1" applyAlignment="1" applyProtection="1">
      <alignment horizontal="left" vertical="center"/>
    </xf>
    <xf numFmtId="0" fontId="67" fillId="37" borderId="207" xfId="0" applyFont="1" applyFill="1" applyBorder="1" applyAlignment="1" applyProtection="1">
      <alignment horizontal="center" vertical="center" shrinkToFit="1"/>
    </xf>
    <xf numFmtId="0" fontId="67" fillId="37" borderId="208" xfId="0" applyFont="1" applyFill="1" applyBorder="1" applyAlignment="1" applyProtection="1">
      <alignment horizontal="center" vertical="center" shrinkToFit="1"/>
    </xf>
    <xf numFmtId="0" fontId="68" fillId="37" borderId="209" xfId="0" applyFont="1" applyFill="1" applyBorder="1" applyAlignment="1" applyProtection="1">
      <alignment horizontal="left" vertical="center" shrinkToFit="1"/>
    </xf>
    <xf numFmtId="0" fontId="68" fillId="37" borderId="16" xfId="0" applyFont="1" applyFill="1" applyBorder="1" applyAlignment="1" applyProtection="1">
      <alignment horizontal="left" vertical="center" shrinkToFit="1"/>
    </xf>
    <xf numFmtId="0" fontId="68" fillId="37" borderId="206" xfId="0" applyFont="1" applyFill="1" applyBorder="1" applyAlignment="1" applyProtection="1">
      <alignment horizontal="left" vertical="center" shrinkToFit="1"/>
    </xf>
    <xf numFmtId="0" fontId="18" fillId="37" borderId="90" xfId="0" applyFont="1" applyFill="1" applyBorder="1" applyAlignment="1" applyProtection="1">
      <alignment horizontal="center" vertical="center" shrinkToFit="1"/>
    </xf>
    <xf numFmtId="0" fontId="18" fillId="37" borderId="27" xfId="0" applyFont="1" applyFill="1" applyBorder="1" applyAlignment="1" applyProtection="1">
      <alignment horizontal="center" vertical="center" shrinkToFit="1"/>
    </xf>
    <xf numFmtId="0" fontId="18" fillId="37" borderId="29" xfId="0" applyFont="1" applyFill="1" applyBorder="1" applyAlignment="1" applyProtection="1">
      <alignment horizontal="center" vertical="center" shrinkToFit="1"/>
    </xf>
    <xf numFmtId="0" fontId="18" fillId="37" borderId="22" xfId="0" applyFont="1" applyFill="1" applyBorder="1" applyAlignment="1" applyProtection="1">
      <alignment horizontal="center" vertical="center" shrinkToFit="1"/>
    </xf>
    <xf numFmtId="0" fontId="18" fillId="37" borderId="23" xfId="0" applyFont="1" applyFill="1" applyBorder="1" applyAlignment="1" applyProtection="1">
      <alignment horizontal="center" vertical="center" shrinkToFit="1"/>
    </xf>
    <xf numFmtId="0" fontId="18" fillId="37" borderId="30" xfId="0" applyFont="1" applyFill="1" applyBorder="1" applyAlignment="1" applyProtection="1">
      <alignment horizontal="center" vertical="center" shrinkToFit="1"/>
    </xf>
    <xf numFmtId="0" fontId="18" fillId="37" borderId="22" xfId="0" applyFont="1" applyFill="1" applyBorder="1" applyAlignment="1" applyProtection="1">
      <alignment horizontal="right" vertical="center" shrinkToFit="1"/>
    </xf>
    <xf numFmtId="0" fontId="18" fillId="37" borderId="23" xfId="0" applyFont="1" applyFill="1" applyBorder="1" applyAlignment="1" applyProtection="1">
      <alignment horizontal="right" vertical="center" shrinkToFit="1"/>
    </xf>
    <xf numFmtId="0" fontId="18" fillId="37" borderId="10" xfId="0" applyFont="1" applyFill="1" applyBorder="1" applyAlignment="1" applyProtection="1">
      <alignment horizontal="right" vertical="center" shrinkToFit="1"/>
    </xf>
    <xf numFmtId="0" fontId="11" fillId="0" borderId="16" xfId="0" applyFont="1" applyFill="1" applyBorder="1" applyAlignment="1" applyProtection="1">
      <alignment horizontal="center"/>
    </xf>
    <xf numFmtId="0" fontId="11" fillId="0" borderId="17" xfId="0" applyFont="1" applyFill="1" applyBorder="1" applyAlignment="1" applyProtection="1">
      <alignment horizontal="center"/>
    </xf>
    <xf numFmtId="0" fontId="64" fillId="0" borderId="0" xfId="0" applyFont="1" applyFill="1" applyBorder="1" applyAlignment="1" applyProtection="1">
      <alignment horizontal="left" vertical="center" wrapText="1"/>
    </xf>
    <xf numFmtId="0" fontId="11" fillId="0" borderId="15" xfId="0" applyFont="1" applyFill="1" applyBorder="1" applyAlignment="1" applyProtection="1">
      <alignment horizontal="center"/>
    </xf>
    <xf numFmtId="0" fontId="45" fillId="37" borderId="6" xfId="0" applyFont="1" applyFill="1" applyBorder="1" applyAlignment="1" applyProtection="1">
      <alignment horizontal="center" vertical="center"/>
    </xf>
    <xf numFmtId="0" fontId="45" fillId="37" borderId="3" xfId="0" applyFont="1" applyFill="1" applyBorder="1" applyAlignment="1" applyProtection="1">
      <alignment horizontal="center" vertical="center"/>
    </xf>
    <xf numFmtId="0" fontId="15" fillId="37" borderId="17" xfId="0" applyFont="1" applyFill="1" applyBorder="1" applyAlignment="1" applyProtection="1">
      <alignment horizontal="center" vertical="center"/>
    </xf>
    <xf numFmtId="0" fontId="18" fillId="37" borderId="90" xfId="0" applyFont="1" applyFill="1" applyBorder="1" applyAlignment="1" applyProtection="1">
      <alignment horizontal="left" vertical="center" shrinkToFit="1"/>
    </xf>
    <xf numFmtId="0" fontId="18" fillId="37" borderId="27" xfId="0" applyFont="1" applyFill="1" applyBorder="1" applyAlignment="1" applyProtection="1">
      <alignment horizontal="left" vertical="center" shrinkToFit="1"/>
    </xf>
    <xf numFmtId="0" fontId="18" fillId="37" borderId="20" xfId="0" applyFont="1" applyFill="1" applyBorder="1" applyAlignment="1" applyProtection="1">
      <alignment horizontal="left" vertical="center" shrinkToFit="1"/>
    </xf>
    <xf numFmtId="0" fontId="18" fillId="37" borderId="60" xfId="0" applyFont="1" applyFill="1" applyBorder="1" applyAlignment="1" applyProtection="1">
      <alignment horizontal="left" vertical="center" shrinkToFit="1"/>
    </xf>
    <xf numFmtId="0" fontId="18" fillId="37" borderId="45" xfId="0" applyFont="1" applyFill="1" applyBorder="1" applyAlignment="1" applyProtection="1">
      <alignment horizontal="center" vertical="center" shrinkToFit="1"/>
    </xf>
    <xf numFmtId="0" fontId="18" fillId="37" borderId="3" xfId="0" applyFont="1" applyFill="1" applyBorder="1" applyAlignment="1" applyProtection="1">
      <alignment horizontal="center" vertical="center" shrinkToFit="1"/>
    </xf>
    <xf numFmtId="0" fontId="18" fillId="37" borderId="9" xfId="0" applyFont="1" applyFill="1" applyBorder="1" applyAlignment="1" applyProtection="1">
      <alignment horizontal="center" vertical="center" shrinkToFit="1"/>
    </xf>
    <xf numFmtId="0" fontId="18" fillId="34" borderId="62" xfId="0" applyFont="1" applyFill="1" applyBorder="1" applyAlignment="1" applyProtection="1">
      <alignment horizontal="center" vertical="center" textRotation="255"/>
    </xf>
    <xf numFmtId="0" fontId="18" fillId="34" borderId="12" xfId="0" applyFont="1" applyFill="1" applyBorder="1" applyAlignment="1" applyProtection="1">
      <alignment horizontal="center" vertical="center" textRotation="255"/>
    </xf>
    <xf numFmtId="0" fontId="15" fillId="34" borderId="12" xfId="0" applyFont="1" applyFill="1" applyBorder="1" applyAlignment="1" applyProtection="1">
      <alignment horizontal="center" vertical="center" textRotation="255"/>
    </xf>
    <xf numFmtId="0" fontId="15" fillId="34" borderId="14" xfId="0" applyFont="1" applyFill="1" applyBorder="1" applyAlignment="1" applyProtection="1">
      <alignment horizontal="center" vertical="center" textRotation="255"/>
    </xf>
    <xf numFmtId="0" fontId="18" fillId="34" borderId="13" xfId="0" applyFont="1" applyFill="1" applyBorder="1" applyAlignment="1" applyProtection="1">
      <alignment horizontal="left" vertical="top" wrapText="1" shrinkToFit="1"/>
    </xf>
    <xf numFmtId="0" fontId="18" fillId="34" borderId="7" xfId="0" applyFont="1" applyFill="1" applyBorder="1" applyAlignment="1" applyProtection="1">
      <alignment horizontal="left" vertical="top" wrapText="1" shrinkToFit="1"/>
    </xf>
    <xf numFmtId="0" fontId="18" fillId="34" borderId="8" xfId="0" applyFont="1" applyFill="1" applyBorder="1" applyAlignment="1" applyProtection="1">
      <alignment horizontal="left" vertical="top" wrapText="1" shrinkToFit="1"/>
    </xf>
    <xf numFmtId="0" fontId="18" fillId="34" borderId="4" xfId="0" applyFont="1" applyFill="1" applyBorder="1" applyAlignment="1" applyProtection="1">
      <alignment horizontal="left" vertical="top" wrapText="1" shrinkToFit="1"/>
    </xf>
    <xf numFmtId="0" fontId="18" fillId="34" borderId="0" xfId="0" applyFont="1" applyFill="1" applyBorder="1" applyAlignment="1" applyProtection="1">
      <alignment horizontal="left" vertical="top" wrapText="1" shrinkToFit="1"/>
    </xf>
    <xf numFmtId="0" fontId="18" fillId="34" borderId="5" xfId="0" applyFont="1" applyFill="1" applyBorder="1" applyAlignment="1" applyProtection="1">
      <alignment horizontal="left" vertical="top" wrapText="1" shrinkToFit="1"/>
    </xf>
    <xf numFmtId="0" fontId="18" fillId="34" borderId="6" xfId="0" applyFont="1" applyFill="1" applyBorder="1" applyAlignment="1" applyProtection="1">
      <alignment horizontal="left" vertical="top" wrapText="1" shrinkToFit="1"/>
    </xf>
    <xf numFmtId="0" fontId="18" fillId="34" borderId="3" xfId="0" applyFont="1" applyFill="1" applyBorder="1" applyAlignment="1" applyProtection="1">
      <alignment horizontal="left" vertical="top" wrapText="1" shrinkToFit="1"/>
    </xf>
    <xf numFmtId="0" fontId="18" fillId="34" borderId="9" xfId="0" applyFont="1" applyFill="1" applyBorder="1" applyAlignment="1" applyProtection="1">
      <alignment horizontal="left" vertical="top" wrapText="1" shrinkToFit="1"/>
    </xf>
    <xf numFmtId="0" fontId="19" fillId="37" borderId="62" xfId="0" applyFont="1" applyFill="1" applyBorder="1" applyAlignment="1" applyProtection="1">
      <alignment horizontal="center" vertical="center" textRotation="255"/>
    </xf>
    <xf numFmtId="0" fontId="19" fillId="37" borderId="12" xfId="0" applyFont="1" applyFill="1" applyBorder="1" applyAlignment="1" applyProtection="1">
      <alignment horizontal="center" vertical="center" textRotation="255"/>
    </xf>
    <xf numFmtId="0" fontId="6" fillId="37" borderId="63" xfId="0" applyFont="1" applyFill="1" applyBorder="1" applyAlignment="1" applyProtection="1">
      <alignment horizontal="center" vertical="center"/>
    </xf>
    <xf numFmtId="0" fontId="6" fillId="37" borderId="89" xfId="0" applyFont="1" applyFill="1" applyBorder="1" applyAlignment="1" applyProtection="1">
      <alignment horizontal="center" vertical="center"/>
    </xf>
    <xf numFmtId="0" fontId="6" fillId="37" borderId="26" xfId="0" applyFont="1" applyFill="1" applyBorder="1" applyAlignment="1" applyProtection="1">
      <alignment horizontal="center" vertical="center"/>
    </xf>
    <xf numFmtId="0" fontId="6" fillId="37" borderId="25" xfId="0" applyFont="1" applyFill="1" applyBorder="1" applyAlignment="1" applyProtection="1">
      <alignment horizontal="center" vertical="center"/>
    </xf>
    <xf numFmtId="0" fontId="6" fillId="37" borderId="64" xfId="0" applyFont="1" applyFill="1" applyBorder="1" applyAlignment="1" applyProtection="1">
      <alignment horizontal="center" vertical="center"/>
    </xf>
    <xf numFmtId="0" fontId="15" fillId="37" borderId="27" xfId="0" applyFont="1" applyFill="1" applyBorder="1" applyAlignment="1" applyProtection="1">
      <alignment horizontal="center" vertical="center"/>
    </xf>
    <xf numFmtId="0" fontId="15" fillId="37" borderId="23" xfId="0" applyFont="1" applyFill="1" applyBorder="1" applyAlignment="1" applyProtection="1">
      <alignment horizontal="center" vertical="center"/>
    </xf>
    <xf numFmtId="0" fontId="11" fillId="35" borderId="0" xfId="0" applyFont="1" applyFill="1" applyAlignment="1" applyProtection="1">
      <alignment horizontal="center"/>
    </xf>
    <xf numFmtId="0" fontId="18" fillId="34" borderId="0" xfId="0" applyFont="1" applyFill="1" applyBorder="1" applyAlignment="1" applyProtection="1">
      <alignment horizontal="center"/>
    </xf>
    <xf numFmtId="0" fontId="19" fillId="37" borderId="14" xfId="0" applyFont="1" applyFill="1" applyBorder="1" applyAlignment="1" applyProtection="1">
      <alignment horizontal="center" vertical="center" textRotation="255"/>
    </xf>
    <xf numFmtId="0" fontId="19" fillId="37" borderId="50" xfId="0" applyFont="1" applyFill="1" applyBorder="1" applyAlignment="1" applyProtection="1">
      <alignment horizontal="left" vertical="center"/>
    </xf>
    <xf numFmtId="0" fontId="19" fillId="37" borderId="25" xfId="0" applyFont="1" applyFill="1" applyBorder="1" applyAlignment="1" applyProtection="1">
      <alignment horizontal="left" vertical="center"/>
    </xf>
    <xf numFmtId="0" fontId="19" fillId="37" borderId="36" xfId="0" applyFont="1" applyFill="1" applyBorder="1" applyAlignment="1" applyProtection="1">
      <alignment horizontal="left" vertical="center"/>
    </xf>
    <xf numFmtId="0" fontId="6" fillId="37" borderId="82" xfId="0" applyFont="1" applyFill="1" applyBorder="1" applyAlignment="1" applyProtection="1">
      <alignment horizontal="center" vertical="center" shrinkToFit="1"/>
    </xf>
    <xf numFmtId="0" fontId="6" fillId="37" borderId="204" xfId="0" applyFont="1" applyFill="1" applyBorder="1" applyAlignment="1" applyProtection="1">
      <alignment horizontal="center" vertical="center" shrinkToFit="1"/>
    </xf>
    <xf numFmtId="0" fontId="68" fillId="37" borderId="205" xfId="0" applyFont="1" applyFill="1" applyBorder="1" applyAlignment="1" applyProtection="1">
      <alignment horizontal="left" vertical="center" wrapText="1"/>
    </xf>
    <xf numFmtId="0" fontId="68" fillId="37" borderId="25" xfId="0" applyFont="1" applyFill="1" applyBorder="1" applyAlignment="1" applyProtection="1">
      <alignment horizontal="left" vertical="center" wrapText="1"/>
    </xf>
    <xf numFmtId="0" fontId="68" fillId="37" borderId="36" xfId="0" applyFont="1" applyFill="1" applyBorder="1" applyAlignment="1" applyProtection="1">
      <alignment horizontal="left" vertical="center" wrapText="1"/>
    </xf>
    <xf numFmtId="0" fontId="67" fillId="37" borderId="82" xfId="0" applyFont="1" applyFill="1" applyBorder="1" applyAlignment="1" applyProtection="1">
      <alignment horizontal="center" vertical="center" shrinkToFit="1"/>
    </xf>
    <xf numFmtId="0" fontId="67" fillId="37" borderId="83" xfId="0" applyFont="1" applyFill="1" applyBorder="1" applyAlignment="1" applyProtection="1">
      <alignment horizontal="center" vertical="center" shrinkToFit="1"/>
    </xf>
    <xf numFmtId="0" fontId="18" fillId="34" borderId="4" xfId="0" applyFont="1" applyFill="1" applyBorder="1" applyAlignment="1" applyProtection="1">
      <alignment horizontal="center"/>
    </xf>
    <xf numFmtId="0" fontId="6" fillId="37" borderId="207" xfId="0" applyFont="1" applyFill="1" applyBorder="1" applyAlignment="1" applyProtection="1">
      <alignment horizontal="center" vertical="center" shrinkToFit="1"/>
    </xf>
    <xf numFmtId="0" fontId="6" fillId="37" borderId="210" xfId="0" applyFont="1" applyFill="1" applyBorder="1" applyAlignment="1" applyProtection="1">
      <alignment horizontal="center" vertical="center" shrinkToFit="1"/>
    </xf>
    <xf numFmtId="0" fontId="19" fillId="37" borderId="38" xfId="0" applyFont="1" applyFill="1" applyBorder="1" applyAlignment="1">
      <alignment horizontal="left" vertical="center" shrinkToFit="1"/>
    </xf>
    <xf numFmtId="0" fontId="19" fillId="37" borderId="42" xfId="0" applyFont="1" applyFill="1" applyBorder="1" applyAlignment="1">
      <alignment horizontal="left" vertical="center" shrinkToFit="1"/>
    </xf>
    <xf numFmtId="0" fontId="9" fillId="37" borderId="33" xfId="0" applyFont="1" applyFill="1" applyBorder="1" applyAlignment="1" applyProtection="1">
      <alignment horizontal="center" vertical="center" wrapText="1"/>
    </xf>
    <xf numFmtId="0" fontId="9" fillId="37" borderId="0" xfId="0" applyFont="1" applyFill="1" applyBorder="1" applyAlignment="1" applyProtection="1">
      <alignment horizontal="center" vertical="center" wrapText="1"/>
    </xf>
    <xf numFmtId="0" fontId="9" fillId="37" borderId="85" xfId="0" applyFont="1" applyFill="1" applyBorder="1" applyAlignment="1" applyProtection="1">
      <alignment horizontal="center" vertical="center" wrapText="1"/>
    </xf>
    <xf numFmtId="0" fontId="9" fillId="37" borderId="55" xfId="0" applyFont="1" applyFill="1" applyBorder="1" applyAlignment="1" applyProtection="1">
      <alignment horizontal="center" vertical="center" wrapText="1"/>
    </xf>
    <xf numFmtId="0" fontId="9" fillId="37" borderId="3" xfId="0" applyFont="1" applyFill="1" applyBorder="1" applyAlignment="1" applyProtection="1">
      <alignment horizontal="center" vertical="center" wrapText="1"/>
    </xf>
    <xf numFmtId="0" fontId="9" fillId="37" borderId="86" xfId="0" applyFont="1" applyFill="1" applyBorder="1" applyAlignment="1" applyProtection="1">
      <alignment horizontal="center" vertical="center" wrapText="1"/>
    </xf>
    <xf numFmtId="0" fontId="9" fillId="37" borderId="33" xfId="0" applyFont="1" applyFill="1" applyBorder="1" applyAlignment="1" applyProtection="1">
      <alignment horizontal="left" vertical="center" wrapText="1" shrinkToFit="1"/>
    </xf>
    <xf numFmtId="0" fontId="9" fillId="37" borderId="0" xfId="0" applyFont="1" applyFill="1" applyBorder="1" applyAlignment="1" applyProtection="1">
      <alignment horizontal="left" vertical="center" wrapText="1" shrinkToFit="1"/>
    </xf>
    <xf numFmtId="0" fontId="9" fillId="37" borderId="5" xfId="0" applyFont="1" applyFill="1" applyBorder="1" applyAlignment="1" applyProtection="1">
      <alignment horizontal="left" vertical="center" wrapText="1" shrinkToFit="1"/>
    </xf>
    <xf numFmtId="0" fontId="9" fillId="37" borderId="55" xfId="0" applyFont="1" applyFill="1" applyBorder="1" applyAlignment="1" applyProtection="1">
      <alignment horizontal="left" vertical="center" wrapText="1" shrinkToFit="1"/>
    </xf>
    <xf numFmtId="0" fontId="9" fillId="37" borderId="3" xfId="0" applyFont="1" applyFill="1" applyBorder="1" applyAlignment="1" applyProtection="1">
      <alignment horizontal="left" vertical="center" wrapText="1" shrinkToFit="1"/>
    </xf>
    <xf numFmtId="0" fontId="9" fillId="37" borderId="9" xfId="0" applyFont="1" applyFill="1" applyBorder="1" applyAlignment="1" applyProtection="1">
      <alignment horizontal="left" vertical="center" wrapText="1" shrinkToFit="1"/>
    </xf>
    <xf numFmtId="0" fontId="19" fillId="37" borderId="3" xfId="0" applyFont="1" applyFill="1" applyBorder="1" applyAlignment="1" applyProtection="1">
      <alignment horizontal="left" vertical="center" shrinkToFit="1"/>
    </xf>
    <xf numFmtId="0" fontId="19" fillId="37" borderId="86" xfId="0" applyFont="1" applyFill="1" applyBorder="1" applyAlignment="1" applyProtection="1">
      <alignment horizontal="left" vertical="center" shrinkToFit="1"/>
    </xf>
    <xf numFmtId="0" fontId="15" fillId="37" borderId="20" xfId="0" applyFont="1" applyFill="1" applyBorder="1" applyAlignment="1" applyProtection="1">
      <alignment horizontal="center" vertical="center"/>
    </xf>
    <xf numFmtId="0" fontId="15" fillId="37" borderId="10" xfId="0" applyFont="1" applyFill="1" applyBorder="1" applyAlignment="1" applyProtection="1">
      <alignment horizontal="center" vertical="center"/>
    </xf>
    <xf numFmtId="0" fontId="43" fillId="37" borderId="62" xfId="0" applyFont="1" applyFill="1" applyBorder="1" applyAlignment="1" applyProtection="1">
      <alignment horizontal="center" vertical="center" textRotation="255"/>
    </xf>
    <xf numFmtId="0" fontId="43" fillId="37" borderId="12" xfId="0" applyFont="1" applyFill="1" applyBorder="1" applyAlignment="1" applyProtection="1">
      <alignment horizontal="center" vertical="center" textRotation="255"/>
    </xf>
    <xf numFmtId="0" fontId="43" fillId="37" borderId="14" xfId="0" applyFont="1" applyFill="1" applyBorder="1" applyAlignment="1" applyProtection="1">
      <alignment horizontal="center" vertical="center" textRotation="255"/>
    </xf>
    <xf numFmtId="0" fontId="45" fillId="37" borderId="13" xfId="0" applyFont="1" applyFill="1" applyBorder="1" applyAlignment="1" applyProtection="1">
      <alignment horizontal="center" vertical="center"/>
    </xf>
    <xf numFmtId="0" fontId="45" fillId="37" borderId="7" xfId="0" applyFont="1" applyFill="1" applyBorder="1" applyAlignment="1" applyProtection="1">
      <alignment horizontal="center" vertical="center"/>
    </xf>
    <xf numFmtId="0" fontId="45" fillId="37" borderId="4" xfId="0" applyFont="1" applyFill="1" applyBorder="1" applyAlignment="1" applyProtection="1">
      <alignment horizontal="center" vertical="center"/>
    </xf>
    <xf numFmtId="0" fontId="45" fillId="37" borderId="0" xfId="0" applyFont="1" applyFill="1" applyBorder="1" applyAlignment="1" applyProtection="1">
      <alignment horizontal="center" vertical="center"/>
    </xf>
    <xf numFmtId="0" fontId="18" fillId="37" borderId="62" xfId="0" applyFont="1" applyFill="1" applyBorder="1" applyAlignment="1" applyProtection="1">
      <alignment horizontal="center" vertical="center" textRotation="255"/>
    </xf>
    <xf numFmtId="0" fontId="18" fillId="37" borderId="12" xfId="0" applyFont="1" applyFill="1" applyBorder="1" applyAlignment="1" applyProtection="1">
      <alignment horizontal="center" vertical="center" textRotation="255"/>
    </xf>
    <xf numFmtId="0" fontId="18" fillId="37" borderId="14" xfId="0" applyFont="1" applyFill="1" applyBorder="1" applyAlignment="1" applyProtection="1">
      <alignment horizontal="center" vertical="center" textRotation="255"/>
    </xf>
    <xf numFmtId="0" fontId="9" fillId="37" borderId="52" xfId="0" applyFont="1" applyFill="1" applyBorder="1" applyAlignment="1" applyProtection="1">
      <alignment horizontal="center" vertical="center" wrapText="1" shrinkToFit="1"/>
    </xf>
    <xf numFmtId="0" fontId="9" fillId="37" borderId="27" xfId="0" applyFont="1" applyFill="1" applyBorder="1" applyAlignment="1" applyProtection="1">
      <alignment horizontal="center" vertical="center" wrapText="1" shrinkToFit="1"/>
    </xf>
    <xf numFmtId="0" fontId="9" fillId="37" borderId="80" xfId="0" applyFont="1" applyFill="1" applyBorder="1" applyAlignment="1" applyProtection="1">
      <alignment horizontal="center" vertical="center" wrapText="1" shrinkToFit="1"/>
    </xf>
    <xf numFmtId="0" fontId="9" fillId="37" borderId="4" xfId="0" applyFont="1" applyFill="1" applyBorder="1" applyAlignment="1" applyProtection="1">
      <alignment horizontal="center" vertical="center" wrapText="1" shrinkToFit="1"/>
    </xf>
    <xf numFmtId="0" fontId="9" fillId="37" borderId="0" xfId="0" applyFont="1" applyFill="1" applyBorder="1" applyAlignment="1" applyProtection="1">
      <alignment horizontal="center" vertical="center" wrapText="1" shrinkToFit="1"/>
    </xf>
    <xf numFmtId="0" fontId="9" fillId="37" borderId="85" xfId="0" applyFont="1" applyFill="1" applyBorder="1" applyAlignment="1" applyProtection="1">
      <alignment horizontal="center" vertical="center" wrapText="1" shrinkToFit="1"/>
    </xf>
    <xf numFmtId="0" fontId="9" fillId="37" borderId="34" xfId="0" applyFont="1" applyFill="1" applyBorder="1" applyAlignment="1" applyProtection="1">
      <alignment horizontal="center" vertical="center" wrapText="1" shrinkToFit="1"/>
    </xf>
    <xf numFmtId="0" fontId="9" fillId="37" borderId="23" xfId="0" applyFont="1" applyFill="1" applyBorder="1" applyAlignment="1" applyProtection="1">
      <alignment horizontal="center" vertical="center" wrapText="1" shrinkToFit="1"/>
    </xf>
    <xf numFmtId="0" fontId="9" fillId="37" borderId="75" xfId="0" applyFont="1" applyFill="1" applyBorder="1" applyAlignment="1" applyProtection="1">
      <alignment horizontal="center" vertical="center" wrapText="1" shrinkToFit="1"/>
    </xf>
    <xf numFmtId="0" fontId="19" fillId="37" borderId="2" xfId="0" applyFont="1" applyFill="1" applyBorder="1" applyAlignment="1">
      <alignment horizontal="left" vertical="center" shrinkToFit="1"/>
    </xf>
    <xf numFmtId="0" fontId="19" fillId="37" borderId="35" xfId="0" applyFont="1" applyFill="1" applyBorder="1" applyAlignment="1">
      <alignment horizontal="left" vertical="center" shrinkToFit="1"/>
    </xf>
    <xf numFmtId="0" fontId="9" fillId="37" borderId="53" xfId="0" applyFont="1" applyFill="1" applyBorder="1" applyAlignment="1" applyProtection="1">
      <alignment horizontal="center" vertical="center"/>
    </xf>
    <xf numFmtId="0" fontId="9" fillId="37" borderId="2" xfId="0" applyFont="1" applyFill="1" applyBorder="1" applyAlignment="1" applyProtection="1">
      <alignment horizontal="center" vertical="center"/>
    </xf>
    <xf numFmtId="0" fontId="9" fillId="37" borderId="35" xfId="0" applyFont="1" applyFill="1" applyBorder="1" applyAlignment="1" applyProtection="1">
      <alignment horizontal="center" vertical="center"/>
    </xf>
    <xf numFmtId="0" fontId="9" fillId="37" borderId="53" xfId="0" applyFont="1" applyFill="1" applyBorder="1" applyAlignment="1" applyProtection="1">
      <alignment horizontal="left" vertical="center" shrinkToFit="1"/>
    </xf>
    <xf numFmtId="0" fontId="9" fillId="37" borderId="2" xfId="0" applyFont="1" applyFill="1" applyBorder="1" applyAlignment="1" applyProtection="1">
      <alignment horizontal="left" vertical="center" shrinkToFit="1"/>
    </xf>
    <xf numFmtId="0" fontId="9" fillId="37" borderId="31" xfId="0" applyFont="1" applyFill="1" applyBorder="1" applyAlignment="1" applyProtection="1">
      <alignment horizontal="left" vertical="center" shrinkToFit="1"/>
    </xf>
    <xf numFmtId="0" fontId="46" fillId="37" borderId="54" xfId="0" applyFont="1" applyFill="1" applyBorder="1" applyAlignment="1" applyProtection="1">
      <alignment horizontal="center" vertical="center"/>
    </xf>
    <xf numFmtId="0" fontId="46" fillId="37" borderId="24" xfId="0" applyFont="1" applyFill="1" applyBorder="1" applyAlignment="1" applyProtection="1">
      <alignment horizontal="center" vertical="center"/>
    </xf>
    <xf numFmtId="0" fontId="46" fillId="37" borderId="74" xfId="0" applyFont="1" applyFill="1" applyBorder="1" applyAlignment="1" applyProtection="1">
      <alignment horizontal="center" vertical="center"/>
    </xf>
    <xf numFmtId="0" fontId="46" fillId="37" borderId="58" xfId="0" applyFont="1" applyFill="1" applyBorder="1" applyAlignment="1" applyProtection="1">
      <alignment horizontal="center" vertical="center"/>
    </xf>
    <xf numFmtId="0" fontId="46" fillId="37" borderId="23" xfId="0" applyFont="1" applyFill="1" applyBorder="1" applyAlignment="1" applyProtection="1">
      <alignment horizontal="center" vertical="center"/>
    </xf>
    <xf numFmtId="0" fontId="46" fillId="37" borderId="75" xfId="0" applyFont="1" applyFill="1" applyBorder="1" applyAlignment="1" applyProtection="1">
      <alignment horizontal="center" vertical="center"/>
    </xf>
    <xf numFmtId="0" fontId="9" fillId="37" borderId="76" xfId="0" applyFont="1" applyFill="1" applyBorder="1" applyAlignment="1" applyProtection="1">
      <alignment horizontal="left" vertical="center" shrinkToFit="1"/>
    </xf>
    <xf numFmtId="0" fontId="9" fillId="37" borderId="68" xfId="0" applyFont="1" applyFill="1" applyBorder="1" applyAlignment="1" applyProtection="1">
      <alignment horizontal="left" vertical="center" shrinkToFit="1"/>
    </xf>
    <xf numFmtId="0" fontId="9" fillId="37" borderId="77" xfId="0" applyFont="1" applyFill="1" applyBorder="1" applyAlignment="1" applyProtection="1">
      <alignment horizontal="left" vertical="center" shrinkToFit="1"/>
    </xf>
    <xf numFmtId="0" fontId="19" fillId="37" borderId="23" xfId="0" applyFont="1" applyFill="1" applyBorder="1" applyAlignment="1" applyProtection="1">
      <alignment horizontal="left" vertical="center" shrinkToFit="1"/>
    </xf>
    <xf numFmtId="0" fontId="19" fillId="37" borderId="75" xfId="0" applyFont="1" applyFill="1" applyBorder="1" applyAlignment="1" applyProtection="1">
      <alignment horizontal="left" vertical="center" shrinkToFit="1"/>
    </xf>
    <xf numFmtId="0" fontId="9" fillId="37" borderId="78" xfId="0" applyFont="1" applyFill="1" applyBorder="1" applyAlignment="1" applyProtection="1">
      <alignment horizontal="left" vertical="center" shrinkToFit="1"/>
    </xf>
    <xf numFmtId="0" fontId="9" fillId="37" borderId="1" xfId="0" applyFont="1" applyFill="1" applyBorder="1" applyAlignment="1" applyProtection="1">
      <alignment horizontal="left" vertical="center" shrinkToFit="1"/>
    </xf>
    <xf numFmtId="0" fontId="9" fillId="37" borderId="79" xfId="0" applyFont="1" applyFill="1" applyBorder="1" applyAlignment="1" applyProtection="1">
      <alignment horizontal="left" vertical="center" shrinkToFit="1"/>
    </xf>
    <xf numFmtId="49" fontId="19" fillId="37" borderId="0" xfId="0" applyNumberFormat="1" applyFont="1" applyFill="1" applyBorder="1" applyAlignment="1" applyProtection="1">
      <alignment horizontal="left" vertical="center" shrinkToFit="1"/>
    </xf>
    <xf numFmtId="49" fontId="19" fillId="37" borderId="5" xfId="0" applyNumberFormat="1" applyFont="1" applyFill="1" applyBorder="1" applyAlignment="1" applyProtection="1">
      <alignment horizontal="left" vertical="center" shrinkToFit="1"/>
    </xf>
    <xf numFmtId="0" fontId="61" fillId="3" borderId="0" xfId="0" applyFont="1" applyFill="1" applyBorder="1" applyAlignment="1" applyProtection="1">
      <alignment horizontal="left" vertical="center"/>
    </xf>
    <xf numFmtId="0" fontId="6" fillId="37" borderId="37" xfId="0" applyFont="1" applyFill="1" applyBorder="1" applyAlignment="1">
      <alignment horizontal="left" vertical="center" wrapText="1"/>
    </xf>
    <xf numFmtId="0" fontId="6" fillId="37" borderId="2" xfId="0" applyFont="1" applyFill="1" applyBorder="1" applyAlignment="1">
      <alignment horizontal="left" vertical="center" wrapText="1"/>
    </xf>
    <xf numFmtId="0" fontId="6" fillId="37" borderId="65" xfId="0" applyFont="1" applyFill="1" applyBorder="1" applyAlignment="1">
      <alignment horizontal="left" vertical="center" wrapText="1"/>
    </xf>
    <xf numFmtId="0" fontId="19" fillId="37" borderId="28" xfId="0" applyFont="1" applyFill="1" applyBorder="1" applyAlignment="1" applyProtection="1">
      <alignment horizontal="center" vertical="center" wrapText="1"/>
    </xf>
    <xf numFmtId="0" fontId="19" fillId="37" borderId="2" xfId="0" applyFont="1" applyFill="1" applyBorder="1" applyAlignment="1" applyProtection="1">
      <alignment horizontal="center" vertical="center" wrapText="1"/>
    </xf>
    <xf numFmtId="0" fontId="19" fillId="37" borderId="31" xfId="0" applyFont="1" applyFill="1" applyBorder="1" applyAlignment="1" applyProtection="1">
      <alignment horizontal="center" vertical="center" wrapText="1"/>
    </xf>
    <xf numFmtId="0" fontId="6" fillId="37" borderId="67" xfId="0" quotePrefix="1" applyFont="1" applyFill="1" applyBorder="1" applyAlignment="1">
      <alignment horizontal="center" vertical="center" wrapText="1"/>
    </xf>
    <xf numFmtId="0" fontId="6" fillId="37" borderId="68" xfId="0" quotePrefix="1" applyFont="1" applyFill="1" applyBorder="1" applyAlignment="1">
      <alignment horizontal="center" vertical="center" wrapText="1"/>
    </xf>
    <xf numFmtId="0" fontId="6" fillId="37" borderId="68" xfId="0" applyFont="1" applyFill="1" applyBorder="1" applyAlignment="1">
      <alignment horizontal="left" vertical="center" wrapText="1"/>
    </xf>
    <xf numFmtId="0" fontId="6" fillId="37" borderId="69" xfId="0" applyFont="1" applyFill="1" applyBorder="1" applyAlignment="1">
      <alignment horizontal="left" vertical="center" wrapText="1"/>
    </xf>
    <xf numFmtId="0" fontId="6" fillId="37" borderId="131" xfId="0" applyFont="1" applyFill="1" applyBorder="1" applyAlignment="1" applyProtection="1">
      <alignment horizontal="center" vertical="center"/>
    </xf>
    <xf numFmtId="0" fontId="6" fillId="37" borderId="68" xfId="0" applyFont="1" applyFill="1" applyBorder="1" applyAlignment="1" applyProtection="1">
      <alignment horizontal="center" vertical="center"/>
    </xf>
    <xf numFmtId="0" fontId="6" fillId="37" borderId="77" xfId="0" applyFont="1" applyFill="1" applyBorder="1" applyAlignment="1" applyProtection="1">
      <alignment horizontal="center" vertical="center"/>
    </xf>
    <xf numFmtId="0" fontId="6" fillId="37" borderId="70" xfId="0" quotePrefix="1" applyFont="1" applyFill="1" applyBorder="1" applyAlignment="1">
      <alignment horizontal="center" vertical="center" wrapText="1"/>
    </xf>
    <xf numFmtId="0" fontId="6" fillId="37" borderId="61" xfId="0" quotePrefix="1" applyFont="1" applyFill="1" applyBorder="1" applyAlignment="1">
      <alignment horizontal="center" vertical="center" wrapText="1"/>
    </xf>
    <xf numFmtId="0" fontId="6" fillId="37" borderId="61" xfId="0" applyFont="1" applyFill="1" applyBorder="1" applyAlignment="1">
      <alignment horizontal="left" vertical="center" wrapText="1"/>
    </xf>
    <xf numFmtId="0" fontId="6" fillId="37" borderId="71" xfId="0" applyFont="1" applyFill="1" applyBorder="1" applyAlignment="1">
      <alignment horizontal="left" vertical="center" wrapText="1"/>
    </xf>
    <xf numFmtId="0" fontId="6" fillId="37" borderId="108" xfId="0" applyFont="1" applyFill="1" applyBorder="1" applyAlignment="1" applyProtection="1">
      <alignment horizontal="center" vertical="center"/>
    </xf>
    <xf numFmtId="0" fontId="6" fillId="37" borderId="61" xfId="0" applyFont="1" applyFill="1" applyBorder="1" applyAlignment="1" applyProtection="1">
      <alignment horizontal="center" vertical="center"/>
    </xf>
    <xf numFmtId="0" fontId="6" fillId="37" borderId="109" xfId="0" applyFont="1" applyFill="1" applyBorder="1" applyAlignment="1" applyProtection="1">
      <alignment horizontal="center" vertical="center"/>
    </xf>
    <xf numFmtId="0" fontId="19" fillId="34" borderId="62" xfId="0" applyFont="1" applyFill="1" applyBorder="1" applyAlignment="1" applyProtection="1">
      <alignment horizontal="center" vertical="center" textRotation="255"/>
    </xf>
    <xf numFmtId="0" fontId="19" fillId="34" borderId="12" xfId="0" applyFont="1" applyFill="1" applyBorder="1" applyAlignment="1" applyProtection="1">
      <alignment horizontal="center" vertical="center" textRotation="255"/>
    </xf>
    <xf numFmtId="0" fontId="19" fillId="3" borderId="50" xfId="0" applyFont="1" applyFill="1" applyBorder="1" applyAlignment="1" applyProtection="1">
      <alignment horizontal="left" vertical="center"/>
    </xf>
    <xf numFmtId="0" fontId="19" fillId="3" borderId="25" xfId="0" applyFont="1" applyFill="1" applyBorder="1" applyAlignment="1" applyProtection="1">
      <alignment horizontal="left" vertical="center"/>
    </xf>
    <xf numFmtId="0" fontId="19" fillId="3" borderId="36" xfId="0" applyFont="1" applyFill="1" applyBorder="1" applyAlignment="1" applyProtection="1">
      <alignment horizontal="left" vertical="center"/>
    </xf>
    <xf numFmtId="0" fontId="6" fillId="34" borderId="82" xfId="0" applyFont="1" applyFill="1" applyBorder="1" applyAlignment="1" applyProtection="1">
      <alignment horizontal="center" vertical="center" shrinkToFit="1"/>
    </xf>
    <xf numFmtId="0" fontId="6" fillId="34" borderId="83" xfId="0" applyFont="1" applyFill="1" applyBorder="1" applyAlignment="1" applyProtection="1">
      <alignment horizontal="center" vertical="center" shrinkToFit="1"/>
    </xf>
    <xf numFmtId="0" fontId="19" fillId="3" borderId="4" xfId="0" applyFont="1" applyFill="1" applyBorder="1" applyAlignment="1" applyProtection="1">
      <alignment horizontal="left" vertical="center" wrapText="1"/>
    </xf>
    <xf numFmtId="0" fontId="19" fillId="3" borderId="0" xfId="0" applyFont="1" applyFill="1" applyBorder="1" applyAlignment="1" applyProtection="1">
      <alignment horizontal="left" vertical="center"/>
    </xf>
    <xf numFmtId="0" fontId="19" fillId="3" borderId="85" xfId="0" applyFont="1" applyFill="1" applyBorder="1" applyAlignment="1" applyProtection="1">
      <alignment horizontal="left" vertical="center"/>
    </xf>
    <xf numFmtId="0" fontId="6" fillId="34" borderId="94" xfId="0" applyFont="1" applyFill="1" applyBorder="1" applyAlignment="1" applyProtection="1">
      <alignment horizontal="center" vertical="center" shrinkToFit="1"/>
    </xf>
    <xf numFmtId="0" fontId="6" fillId="34" borderId="133" xfId="0" applyFont="1" applyFill="1" applyBorder="1" applyAlignment="1" applyProtection="1">
      <alignment horizontal="center" vertical="center" shrinkToFit="1"/>
    </xf>
    <xf numFmtId="0" fontId="18" fillId="34" borderId="60" xfId="0" applyFont="1" applyFill="1" applyBorder="1" applyAlignment="1" applyProtection="1">
      <alignment horizontal="center" vertical="center" shrinkToFit="1"/>
    </xf>
    <xf numFmtId="0" fontId="18" fillId="34" borderId="93" xfId="0" applyFont="1" applyFill="1" applyBorder="1" applyAlignment="1" applyProtection="1">
      <alignment horizontal="center" vertical="center" shrinkToFit="1"/>
    </xf>
    <xf numFmtId="0" fontId="18" fillId="34" borderId="90" xfId="0" applyFont="1" applyFill="1" applyBorder="1" applyAlignment="1" applyProtection="1">
      <alignment horizontal="center" vertical="center" shrinkToFit="1"/>
    </xf>
    <xf numFmtId="0" fontId="18" fillId="34" borderId="27" xfId="0" applyFont="1" applyFill="1" applyBorder="1" applyAlignment="1" applyProtection="1">
      <alignment horizontal="center" vertical="center" shrinkToFit="1"/>
    </xf>
    <xf numFmtId="0" fontId="18" fillId="34" borderId="29" xfId="0" applyFont="1" applyFill="1" applyBorder="1" applyAlignment="1" applyProtection="1">
      <alignment horizontal="center" vertical="center" shrinkToFit="1"/>
    </xf>
    <xf numFmtId="0" fontId="18" fillId="34" borderId="45" xfId="0" applyFont="1" applyFill="1" applyBorder="1" applyAlignment="1" applyProtection="1">
      <alignment horizontal="center" vertical="center" shrinkToFit="1"/>
    </xf>
    <xf numFmtId="0" fontId="18" fillId="34" borderId="3" xfId="0" applyFont="1" applyFill="1" applyBorder="1" applyAlignment="1" applyProtection="1">
      <alignment horizontal="center" vertical="center" shrinkToFit="1"/>
    </xf>
    <xf numFmtId="0" fontId="18" fillId="34" borderId="9" xfId="0" applyFont="1" applyFill="1" applyBorder="1" applyAlignment="1" applyProtection="1">
      <alignment horizontal="center" vertical="center" shrinkToFit="1"/>
    </xf>
    <xf numFmtId="0" fontId="19" fillId="34" borderId="56" xfId="0" applyFont="1" applyFill="1" applyBorder="1" applyAlignment="1" applyProtection="1">
      <alignment horizontal="left" vertical="center" shrinkToFit="1"/>
    </xf>
    <xf numFmtId="0" fontId="19" fillId="34" borderId="132" xfId="0" applyFont="1" applyFill="1" applyBorder="1" applyAlignment="1" applyProtection="1">
      <alignment horizontal="left" vertical="center" shrinkToFit="1"/>
    </xf>
    <xf numFmtId="0" fontId="19" fillId="34" borderId="3" xfId="0" applyFont="1" applyFill="1" applyBorder="1" applyAlignment="1" applyProtection="1">
      <alignment horizontal="left" vertical="center" shrinkToFit="1"/>
    </xf>
    <xf numFmtId="0" fontId="19" fillId="34" borderId="88" xfId="0" applyFont="1" applyFill="1" applyBorder="1" applyAlignment="1" applyProtection="1">
      <alignment horizontal="left" vertical="center" shrinkToFit="1"/>
    </xf>
    <xf numFmtId="49" fontId="19" fillId="34" borderId="3" xfId="0" applyNumberFormat="1" applyFont="1" applyFill="1" applyBorder="1" applyAlignment="1" applyProtection="1">
      <alignment horizontal="left" vertical="center" shrinkToFit="1"/>
    </xf>
    <xf numFmtId="0" fontId="19" fillId="34" borderId="14" xfId="0" applyFont="1" applyFill="1" applyBorder="1" applyAlignment="1" applyProtection="1">
      <alignment horizontal="center" vertical="center" textRotation="255"/>
    </xf>
    <xf numFmtId="0" fontId="6" fillId="3" borderId="50" xfId="0" applyFont="1" applyFill="1" applyBorder="1" applyAlignment="1" applyProtection="1">
      <alignment horizontal="center" vertical="center"/>
    </xf>
    <xf numFmtId="0" fontId="6" fillId="3" borderId="25" xfId="0" applyFont="1" applyFill="1" applyBorder="1" applyAlignment="1" applyProtection="1">
      <alignment horizontal="center" vertical="center"/>
    </xf>
    <xf numFmtId="0" fontId="6" fillId="3" borderId="26" xfId="0" applyFont="1" applyFill="1" applyBorder="1" applyAlignment="1" applyProtection="1">
      <alignment horizontal="center" vertical="center"/>
    </xf>
    <xf numFmtId="0" fontId="6" fillId="3" borderId="64" xfId="0" applyFont="1" applyFill="1" applyBorder="1" applyAlignment="1" applyProtection="1">
      <alignment horizontal="center" vertical="center"/>
    </xf>
    <xf numFmtId="0" fontId="15" fillId="3" borderId="27" xfId="0" applyFont="1" applyFill="1" applyBorder="1" applyAlignment="1" applyProtection="1">
      <alignment horizontal="center" vertical="center"/>
    </xf>
    <xf numFmtId="0" fontId="15" fillId="3" borderId="23" xfId="0" applyFont="1" applyFill="1" applyBorder="1" applyAlignment="1" applyProtection="1">
      <alignment horizontal="center" vertical="center"/>
    </xf>
    <xf numFmtId="0" fontId="18" fillId="34" borderId="22" xfId="0" applyFont="1" applyFill="1" applyBorder="1" applyAlignment="1" applyProtection="1">
      <alignment horizontal="center" vertical="center" shrinkToFit="1"/>
    </xf>
    <xf numFmtId="0" fontId="18" fillId="34" borderId="23" xfId="0" applyFont="1" applyFill="1" applyBorder="1" applyAlignment="1" applyProtection="1">
      <alignment horizontal="center" vertical="center" shrinkToFit="1"/>
    </xf>
    <xf numFmtId="0" fontId="18" fillId="34" borderId="30" xfId="0" applyFont="1" applyFill="1" applyBorder="1" applyAlignment="1" applyProtection="1">
      <alignment horizontal="center" vertical="center" shrinkToFit="1"/>
    </xf>
    <xf numFmtId="0" fontId="15" fillId="3" borderId="20" xfId="0" applyFont="1" applyFill="1" applyBorder="1" applyAlignment="1" applyProtection="1">
      <alignment horizontal="center" vertical="center"/>
    </xf>
    <xf numFmtId="0" fontId="15" fillId="3" borderId="10" xfId="0" applyFont="1" applyFill="1" applyBorder="1" applyAlignment="1" applyProtection="1">
      <alignment horizontal="center" vertical="center"/>
    </xf>
    <xf numFmtId="0" fontId="15" fillId="3" borderId="17" xfId="0" applyFont="1" applyFill="1" applyBorder="1" applyAlignment="1" applyProtection="1">
      <alignment horizontal="center" vertical="center"/>
    </xf>
    <xf numFmtId="0" fontId="15" fillId="3" borderId="92" xfId="0" applyFont="1" applyFill="1" applyBorder="1" applyAlignment="1" applyProtection="1">
      <alignment horizontal="center" vertical="center"/>
    </xf>
    <xf numFmtId="0" fontId="43" fillId="34" borderId="0" xfId="0" applyFont="1" applyFill="1" applyBorder="1" applyAlignment="1" applyProtection="1">
      <alignment horizontal="center" shrinkToFit="1"/>
    </xf>
    <xf numFmtId="0" fontId="46" fillId="34" borderId="0" xfId="0" applyFont="1" applyFill="1" applyBorder="1" applyAlignment="1" applyProtection="1">
      <alignment horizontal="left" vertical="top" wrapText="1"/>
    </xf>
    <xf numFmtId="0" fontId="48" fillId="34" borderId="0" xfId="0" applyFont="1" applyFill="1" applyBorder="1" applyAlignment="1">
      <alignment horizontal="center" vertical="center"/>
    </xf>
    <xf numFmtId="0" fontId="43" fillId="34" borderId="3" xfId="0" applyFont="1" applyFill="1" applyBorder="1" applyAlignment="1" applyProtection="1">
      <alignment horizontal="center" vertical="center" shrinkToFit="1"/>
    </xf>
    <xf numFmtId="0" fontId="43" fillId="34" borderId="9" xfId="0" applyFont="1" applyFill="1" applyBorder="1" applyAlignment="1" applyProtection="1">
      <alignment horizontal="center" vertical="center" shrinkToFit="1"/>
    </xf>
    <xf numFmtId="0" fontId="9" fillId="34" borderId="53" xfId="0" applyFont="1" applyFill="1" applyBorder="1" applyAlignment="1" applyProtection="1">
      <alignment horizontal="center" vertical="center" shrinkToFit="1"/>
    </xf>
    <xf numFmtId="0" fontId="9" fillId="34" borderId="2" xfId="0" applyFont="1" applyFill="1" applyBorder="1" applyAlignment="1" applyProtection="1">
      <alignment horizontal="center" vertical="center" shrinkToFit="1"/>
    </xf>
    <xf numFmtId="0" fontId="9" fillId="34" borderId="31" xfId="0" applyFont="1" applyFill="1" applyBorder="1" applyAlignment="1" applyProtection="1">
      <alignment horizontal="center" vertical="center" shrinkToFit="1"/>
    </xf>
    <xf numFmtId="0" fontId="51" fillId="34" borderId="24" xfId="0" applyFont="1" applyFill="1" applyBorder="1" applyAlignment="1" applyProtection="1">
      <alignment horizontal="left" vertical="center" wrapText="1"/>
    </xf>
    <xf numFmtId="0" fontId="51" fillId="34" borderId="74" xfId="0" applyFont="1" applyFill="1" applyBorder="1" applyAlignment="1" applyProtection="1">
      <alignment horizontal="left" vertical="center" wrapText="1"/>
    </xf>
    <xf numFmtId="0" fontId="9" fillId="34" borderId="58" xfId="0" applyFont="1" applyFill="1" applyBorder="1" applyAlignment="1" applyProtection="1">
      <alignment horizontal="center" vertical="center" shrinkToFit="1"/>
    </xf>
    <xf numFmtId="0" fontId="9" fillId="34" borderId="23" xfId="0" applyFont="1" applyFill="1" applyBorder="1" applyAlignment="1" applyProtection="1">
      <alignment horizontal="center" vertical="center" shrinkToFit="1"/>
    </xf>
    <xf numFmtId="0" fontId="9" fillId="34" borderId="30" xfId="0" applyFont="1" applyFill="1" applyBorder="1" applyAlignment="1" applyProtection="1">
      <alignment horizontal="center" vertical="center" shrinkToFit="1"/>
    </xf>
    <xf numFmtId="0" fontId="19" fillId="3" borderId="52" xfId="0" applyFont="1" applyFill="1" applyBorder="1" applyAlignment="1" applyProtection="1">
      <alignment horizontal="left" vertical="center"/>
    </xf>
    <xf numFmtId="0" fontId="19" fillId="3" borderId="27" xfId="0" applyFont="1" applyFill="1" applyBorder="1" applyAlignment="1" applyProtection="1">
      <alignment horizontal="left" vertical="center"/>
    </xf>
    <xf numFmtId="0" fontId="19" fillId="3" borderId="4" xfId="0" applyFont="1" applyFill="1" applyBorder="1" applyAlignment="1" applyProtection="1">
      <alignment horizontal="left" vertical="center"/>
    </xf>
    <xf numFmtId="0" fontId="19" fillId="3" borderId="6" xfId="0" applyFont="1" applyFill="1" applyBorder="1" applyAlignment="1" applyProtection="1">
      <alignment horizontal="left" vertical="center"/>
    </xf>
    <xf numFmtId="0" fontId="19" fillId="3" borderId="3" xfId="0" applyFont="1" applyFill="1" applyBorder="1" applyAlignment="1" applyProtection="1">
      <alignment horizontal="left" vertical="center"/>
    </xf>
    <xf numFmtId="0" fontId="9" fillId="3" borderId="27" xfId="0" applyFont="1" applyFill="1" applyBorder="1" applyAlignment="1" applyProtection="1">
      <alignment horizontal="left" vertical="center" wrapText="1" shrinkToFit="1"/>
    </xf>
    <xf numFmtId="0" fontId="19" fillId="34" borderId="27" xfId="0" applyFont="1" applyFill="1" applyBorder="1" applyAlignment="1" applyProtection="1">
      <alignment horizontal="center"/>
    </xf>
    <xf numFmtId="0" fontId="19" fillId="34" borderId="29" xfId="0" applyFont="1" applyFill="1" applyBorder="1" applyAlignment="1" applyProtection="1">
      <alignment horizontal="center"/>
    </xf>
    <xf numFmtId="0" fontId="19" fillId="34" borderId="0" xfId="0" applyFont="1" applyFill="1" applyBorder="1" applyAlignment="1" applyProtection="1">
      <alignment horizontal="center"/>
    </xf>
    <xf numFmtId="0" fontId="19" fillId="34" borderId="5" xfId="0" applyFont="1" applyFill="1" applyBorder="1" applyAlignment="1" applyProtection="1">
      <alignment horizontal="center"/>
    </xf>
    <xf numFmtId="0" fontId="19" fillId="34" borderId="3" xfId="0" applyFont="1" applyFill="1" applyBorder="1" applyAlignment="1" applyProtection="1">
      <alignment horizontal="center"/>
    </xf>
    <xf numFmtId="0" fontId="19" fillId="34" borderId="9" xfId="0" applyFont="1" applyFill="1" applyBorder="1" applyAlignment="1" applyProtection="1">
      <alignment horizontal="center"/>
    </xf>
    <xf numFmtId="0" fontId="6" fillId="34" borderId="33" xfId="0" applyFont="1" applyFill="1" applyBorder="1" applyAlignment="1" applyProtection="1">
      <alignment horizontal="center" vertical="center"/>
    </xf>
    <xf numFmtId="0" fontId="6" fillId="34" borderId="0" xfId="0" applyFont="1" applyFill="1" applyBorder="1" applyAlignment="1" applyProtection="1">
      <alignment horizontal="center" vertical="center"/>
    </xf>
    <xf numFmtId="0" fontId="6" fillId="34" borderId="55" xfId="0" applyFont="1" applyFill="1" applyBorder="1" applyAlignment="1" applyProtection="1">
      <alignment horizontal="center" vertical="center"/>
    </xf>
    <xf numFmtId="0" fontId="6" fillId="34" borderId="3" xfId="0" applyFont="1" applyFill="1" applyBorder="1" applyAlignment="1" applyProtection="1">
      <alignment horizontal="center" vertical="center"/>
    </xf>
    <xf numFmtId="0" fontId="6" fillId="37" borderId="0" xfId="0" applyFont="1" applyFill="1" applyBorder="1" applyAlignment="1" applyProtection="1">
      <alignment horizontal="center" vertical="center"/>
    </xf>
    <xf numFmtId="0" fontId="15" fillId="34" borderId="7" xfId="0" applyFont="1" applyFill="1" applyBorder="1" applyAlignment="1" applyProtection="1">
      <alignment horizontal="left" vertical="top" shrinkToFit="1"/>
    </xf>
    <xf numFmtId="0" fontId="15" fillId="34" borderId="8" xfId="0" applyFont="1" applyFill="1" applyBorder="1" applyAlignment="1" applyProtection="1">
      <alignment horizontal="left" vertical="top" shrinkToFit="1"/>
    </xf>
    <xf numFmtId="0" fontId="15" fillId="34" borderId="4" xfId="0" applyFont="1" applyFill="1" applyBorder="1" applyAlignment="1" applyProtection="1">
      <alignment horizontal="left" vertical="top" shrinkToFit="1"/>
    </xf>
    <xf numFmtId="0" fontId="15" fillId="34" borderId="0" xfId="0" applyFont="1" applyFill="1" applyBorder="1" applyAlignment="1" applyProtection="1">
      <alignment horizontal="left" vertical="top" shrinkToFit="1"/>
    </xf>
    <xf numFmtId="0" fontId="15" fillId="34" borderId="5" xfId="0" applyFont="1" applyFill="1" applyBorder="1" applyAlignment="1" applyProtection="1">
      <alignment horizontal="left" vertical="top" shrinkToFit="1"/>
    </xf>
    <xf numFmtId="0" fontId="15" fillId="34" borderId="6" xfId="0" applyFont="1" applyFill="1" applyBorder="1" applyAlignment="1" applyProtection="1">
      <alignment horizontal="left" vertical="top" shrinkToFit="1"/>
    </xf>
    <xf numFmtId="0" fontId="15" fillId="34" borderId="3" xfId="0" applyFont="1" applyFill="1" applyBorder="1" applyAlignment="1" applyProtection="1">
      <alignment horizontal="left" vertical="top" shrinkToFit="1"/>
    </xf>
    <xf numFmtId="0" fontId="15" fillId="34" borderId="9" xfId="0" applyFont="1" applyFill="1" applyBorder="1" applyAlignment="1" applyProtection="1">
      <alignment horizontal="left" vertical="top" shrinkToFit="1"/>
    </xf>
    <xf numFmtId="0" fontId="6" fillId="37" borderId="164" xfId="0" applyFont="1" applyFill="1" applyBorder="1" applyAlignment="1" applyProtection="1">
      <alignment horizontal="center" vertical="center"/>
    </xf>
    <xf numFmtId="0" fontId="6" fillId="37" borderId="166" xfId="0" applyFont="1" applyFill="1" applyBorder="1" applyAlignment="1" applyProtection="1">
      <alignment horizontal="center" vertical="center"/>
    </xf>
    <xf numFmtId="0" fontId="6" fillId="37" borderId="167" xfId="0" applyFont="1" applyFill="1" applyBorder="1" applyAlignment="1" applyProtection="1">
      <alignment horizontal="center" vertical="center"/>
    </xf>
    <xf numFmtId="0" fontId="6" fillId="37" borderId="154" xfId="0" applyFont="1" applyFill="1" applyBorder="1" applyAlignment="1" applyProtection="1">
      <alignment horizontal="center" vertical="center"/>
    </xf>
    <xf numFmtId="0" fontId="6" fillId="37" borderId="163" xfId="0" applyFont="1" applyFill="1" applyBorder="1" applyAlignment="1" applyProtection="1">
      <alignment horizontal="center" vertical="center"/>
    </xf>
    <xf numFmtId="0" fontId="6" fillId="37" borderId="168" xfId="0" applyFont="1" applyFill="1" applyBorder="1" applyAlignment="1" applyProtection="1">
      <alignment horizontal="center" vertical="center"/>
    </xf>
    <xf numFmtId="0" fontId="19" fillId="37" borderId="13" xfId="0" applyFont="1" applyFill="1" applyBorder="1" applyAlignment="1" applyProtection="1">
      <alignment horizontal="center" vertical="center" textRotation="255"/>
    </xf>
    <xf numFmtId="0" fontId="19" fillId="37" borderId="4" xfId="0" applyFont="1" applyFill="1" applyBorder="1" applyAlignment="1" applyProtection="1">
      <alignment horizontal="center" vertical="center" textRotation="255"/>
    </xf>
    <xf numFmtId="0" fontId="19" fillId="37" borderId="6" xfId="0" applyFont="1" applyFill="1" applyBorder="1" applyAlignment="1" applyProtection="1">
      <alignment horizontal="center" vertical="center" textRotation="255"/>
    </xf>
    <xf numFmtId="0" fontId="19" fillId="37" borderId="68" xfId="0" applyFont="1" applyFill="1" applyBorder="1" applyAlignment="1">
      <alignment horizontal="left" vertical="center" shrinkToFit="1"/>
    </xf>
    <xf numFmtId="0" fontId="19" fillId="37" borderId="200" xfId="0" applyFont="1" applyFill="1" applyBorder="1" applyAlignment="1">
      <alignment horizontal="left" vertical="center" shrinkToFit="1"/>
    </xf>
    <xf numFmtId="0" fontId="9" fillId="37" borderId="54" xfId="0" applyFont="1" applyFill="1" applyBorder="1" applyAlignment="1" applyProtection="1">
      <alignment horizontal="center" vertical="center" wrapText="1"/>
    </xf>
    <xf numFmtId="0" fontId="9" fillId="37" borderId="24" xfId="0" applyFont="1" applyFill="1" applyBorder="1" applyAlignment="1" applyProtection="1">
      <alignment horizontal="center" vertical="center" wrapText="1"/>
    </xf>
    <xf numFmtId="0" fontId="9" fillId="37" borderId="74" xfId="0" applyFont="1" applyFill="1" applyBorder="1" applyAlignment="1" applyProtection="1">
      <alignment horizontal="center" vertical="center" wrapText="1"/>
    </xf>
    <xf numFmtId="0" fontId="9" fillId="37" borderId="172" xfId="0" applyFont="1" applyFill="1" applyBorder="1" applyAlignment="1" applyProtection="1">
      <alignment horizontal="center" vertical="center" wrapText="1"/>
    </xf>
    <xf numFmtId="0" fontId="9" fillId="37" borderId="136" xfId="0" applyFont="1" applyFill="1" applyBorder="1" applyAlignment="1" applyProtection="1">
      <alignment horizontal="center" vertical="center" wrapText="1"/>
    </xf>
    <xf numFmtId="0" fontId="9" fillId="37" borderId="150" xfId="0" applyFont="1" applyFill="1" applyBorder="1" applyAlignment="1" applyProtection="1">
      <alignment horizontal="center" vertical="center" wrapText="1"/>
    </xf>
    <xf numFmtId="0" fontId="9" fillId="37" borderId="54" xfId="0" applyFont="1" applyFill="1" applyBorder="1" applyAlignment="1" applyProtection="1">
      <alignment horizontal="left" vertical="center" wrapText="1" shrinkToFit="1"/>
    </xf>
    <xf numFmtId="0" fontId="9" fillId="37" borderId="24" xfId="0" applyFont="1" applyFill="1" applyBorder="1" applyAlignment="1" applyProtection="1">
      <alignment horizontal="left" vertical="center" shrinkToFit="1"/>
    </xf>
    <xf numFmtId="0" fontId="9" fillId="37" borderId="201" xfId="0" applyFont="1" applyFill="1" applyBorder="1" applyAlignment="1" applyProtection="1">
      <alignment horizontal="left" vertical="center" shrinkToFit="1"/>
    </xf>
    <xf numFmtId="0" fontId="9" fillId="37" borderId="33" xfId="0" applyFont="1" applyFill="1" applyBorder="1" applyAlignment="1" applyProtection="1">
      <alignment horizontal="left" vertical="center" shrinkToFit="1"/>
    </xf>
    <xf numFmtId="0" fontId="9" fillId="37" borderId="0" xfId="0" applyFont="1" applyFill="1" applyBorder="1" applyAlignment="1" applyProtection="1">
      <alignment horizontal="left" vertical="center" shrinkToFit="1"/>
    </xf>
    <xf numFmtId="0" fontId="9" fillId="37" borderId="139" xfId="0" applyFont="1" applyFill="1" applyBorder="1" applyAlignment="1" applyProtection="1">
      <alignment horizontal="left" vertical="center" shrinkToFit="1"/>
    </xf>
    <xf numFmtId="0" fontId="9" fillId="37" borderId="172" xfId="0" applyFont="1" applyFill="1" applyBorder="1" applyAlignment="1" applyProtection="1">
      <alignment horizontal="left" vertical="center" shrinkToFit="1"/>
    </xf>
    <xf numFmtId="0" fontId="9" fillId="37" borderId="136" xfId="0" applyFont="1" applyFill="1" applyBorder="1" applyAlignment="1" applyProtection="1">
      <alignment horizontal="left" vertical="center" shrinkToFit="1"/>
    </xf>
    <xf numFmtId="0" fontId="9" fillId="37" borderId="169" xfId="0" applyFont="1" applyFill="1" applyBorder="1" applyAlignment="1" applyProtection="1">
      <alignment horizontal="left" vertical="center" shrinkToFit="1"/>
    </xf>
    <xf numFmtId="0" fontId="19" fillId="37" borderId="136" xfId="0" applyFont="1" applyFill="1" applyBorder="1" applyAlignment="1" applyProtection="1">
      <alignment horizontal="left" vertical="center" shrinkToFit="1"/>
    </xf>
    <xf numFmtId="0" fontId="19" fillId="37" borderId="150" xfId="0" applyFont="1" applyFill="1" applyBorder="1" applyAlignment="1" applyProtection="1">
      <alignment horizontal="left" vertical="center" shrinkToFit="1"/>
    </xf>
    <xf numFmtId="0" fontId="19" fillId="37" borderId="179" xfId="0" applyFont="1" applyFill="1" applyBorder="1" applyAlignment="1" applyProtection="1">
      <alignment horizontal="center" vertical="center" textRotation="255"/>
    </xf>
    <xf numFmtId="0" fontId="19" fillId="37" borderId="180" xfId="0" applyFont="1" applyFill="1" applyBorder="1" applyAlignment="1" applyProtection="1">
      <alignment horizontal="center" vertical="center" textRotation="255"/>
    </xf>
    <xf numFmtId="0" fontId="19" fillId="37" borderId="181" xfId="0" applyFont="1" applyFill="1" applyBorder="1" applyAlignment="1" applyProtection="1">
      <alignment horizontal="center" vertical="center" textRotation="255"/>
    </xf>
    <xf numFmtId="0" fontId="18" fillId="37" borderId="179" xfId="0" applyFont="1" applyFill="1" applyBorder="1" applyAlignment="1" applyProtection="1">
      <alignment horizontal="center" vertical="center" textRotation="255"/>
    </xf>
    <xf numFmtId="0" fontId="18" fillId="37" borderId="180" xfId="0" applyFont="1" applyFill="1" applyBorder="1" applyAlignment="1" applyProtection="1">
      <alignment horizontal="center" vertical="center" textRotation="255"/>
    </xf>
    <xf numFmtId="0" fontId="18" fillId="37" borderId="181" xfId="0" applyFont="1" applyFill="1" applyBorder="1" applyAlignment="1" applyProtection="1">
      <alignment horizontal="center" vertical="center" textRotation="255"/>
    </xf>
    <xf numFmtId="0" fontId="46" fillId="37" borderId="0" xfId="0" applyFont="1" applyFill="1" applyBorder="1" applyAlignment="1" applyProtection="1">
      <alignment horizontal="center" vertical="center" wrapText="1" shrinkToFit="1"/>
    </xf>
    <xf numFmtId="0" fontId="46" fillId="37" borderId="85" xfId="0" applyFont="1" applyFill="1" applyBorder="1" applyAlignment="1" applyProtection="1">
      <alignment horizontal="center" vertical="center" wrapText="1" shrinkToFit="1"/>
    </xf>
    <xf numFmtId="0" fontId="46" fillId="37" borderId="23" xfId="0" applyFont="1" applyFill="1" applyBorder="1" applyAlignment="1" applyProtection="1">
      <alignment horizontal="center" vertical="center" wrapText="1" shrinkToFit="1"/>
    </xf>
    <xf numFmtId="0" fontId="46" fillId="37" borderId="75" xfId="0" applyFont="1" applyFill="1" applyBorder="1" applyAlignment="1" applyProtection="1">
      <alignment horizontal="center" vertical="center" wrapText="1" shrinkToFit="1"/>
    </xf>
    <xf numFmtId="0" fontId="9" fillId="37" borderId="174" xfId="0" applyFont="1" applyFill="1" applyBorder="1" applyAlignment="1" applyProtection="1">
      <alignment horizontal="left" vertical="center" shrinkToFit="1"/>
    </xf>
    <xf numFmtId="0" fontId="9" fillId="37" borderId="175" xfId="0" applyFont="1" applyFill="1" applyBorder="1" applyAlignment="1" applyProtection="1">
      <alignment horizontal="left" vertical="center" shrinkToFit="1"/>
    </xf>
    <xf numFmtId="0" fontId="9" fillId="37" borderId="143" xfId="0" applyFont="1" applyFill="1" applyBorder="1" applyAlignment="1" applyProtection="1">
      <alignment horizontal="left" vertical="center" shrinkToFit="1"/>
    </xf>
    <xf numFmtId="49" fontId="19" fillId="37" borderId="136" xfId="0" applyNumberFormat="1" applyFont="1" applyFill="1" applyBorder="1" applyAlignment="1" applyProtection="1">
      <alignment horizontal="left" vertical="center" shrinkToFit="1"/>
    </xf>
    <xf numFmtId="49" fontId="19" fillId="37" borderId="169" xfId="0" applyNumberFormat="1" applyFont="1" applyFill="1" applyBorder="1" applyAlignment="1" applyProtection="1">
      <alignment horizontal="left" vertical="center" shrinkToFit="1"/>
    </xf>
    <xf numFmtId="0" fontId="6" fillId="37" borderId="170" xfId="0" applyFont="1" applyFill="1" applyBorder="1" applyAlignment="1">
      <alignment horizontal="left" vertical="center" wrapText="1"/>
    </xf>
    <xf numFmtId="0" fontId="6" fillId="37" borderId="183" xfId="0" applyFont="1" applyFill="1" applyBorder="1" applyAlignment="1">
      <alignment horizontal="left" vertical="center" wrapText="1"/>
    </xf>
    <xf numFmtId="0" fontId="19" fillId="37" borderId="182" xfId="0" applyFont="1" applyFill="1" applyBorder="1" applyAlignment="1" applyProtection="1">
      <alignment horizontal="center" vertical="center" wrapText="1"/>
    </xf>
    <xf numFmtId="0" fontId="19" fillId="37" borderId="170" xfId="0" applyFont="1" applyFill="1" applyBorder="1" applyAlignment="1" applyProtection="1">
      <alignment horizontal="center" vertical="center" wrapText="1"/>
    </xf>
    <xf numFmtId="0" fontId="19" fillId="37" borderId="184" xfId="0" applyFont="1" applyFill="1" applyBorder="1" applyAlignment="1" applyProtection="1">
      <alignment horizontal="center" vertical="center" wrapText="1"/>
    </xf>
    <xf numFmtId="0" fontId="6" fillId="37" borderId="175" xfId="0" applyFont="1" applyFill="1" applyBorder="1" applyAlignment="1" applyProtection="1">
      <alignment horizontal="center" vertical="center"/>
    </xf>
    <xf numFmtId="0" fontId="6" fillId="37" borderId="177" xfId="0" quotePrefix="1" applyFont="1" applyFill="1" applyBorder="1" applyAlignment="1">
      <alignment horizontal="center" vertical="center" wrapText="1"/>
    </xf>
    <xf numFmtId="0" fontId="6" fillId="37" borderId="177" xfId="0" applyFont="1" applyFill="1" applyBorder="1" applyAlignment="1">
      <alignment horizontal="left" vertical="center" wrapText="1"/>
    </xf>
    <xf numFmtId="0" fontId="6" fillId="37" borderId="178" xfId="0" applyFont="1" applyFill="1" applyBorder="1" applyAlignment="1">
      <alignment horizontal="left" vertical="center" wrapText="1"/>
    </xf>
    <xf numFmtId="0" fontId="6" fillId="37" borderId="176" xfId="0" applyFont="1" applyFill="1" applyBorder="1" applyAlignment="1" applyProtection="1">
      <alignment horizontal="center" vertical="center"/>
    </xf>
    <xf numFmtId="0" fontId="6" fillId="37" borderId="177" xfId="0" applyFont="1" applyFill="1" applyBorder="1" applyAlignment="1" applyProtection="1">
      <alignment horizontal="center" vertical="center"/>
    </xf>
    <xf numFmtId="0" fontId="6" fillId="37" borderId="185" xfId="0" applyFont="1" applyFill="1" applyBorder="1" applyAlignment="1" applyProtection="1">
      <alignment horizontal="center" vertical="center"/>
    </xf>
    <xf numFmtId="0" fontId="19" fillId="34" borderId="13" xfId="0" applyFont="1" applyFill="1" applyBorder="1" applyAlignment="1" applyProtection="1">
      <alignment horizontal="center" vertical="center" textRotation="255"/>
    </xf>
    <xf numFmtId="0" fontId="19" fillId="34" borderId="4" xfId="0" applyFont="1" applyFill="1" applyBorder="1" applyAlignment="1" applyProtection="1">
      <alignment horizontal="center" vertical="center" textRotation="255"/>
    </xf>
    <xf numFmtId="0" fontId="19" fillId="3" borderId="158" xfId="0" applyFont="1" applyFill="1" applyBorder="1" applyAlignment="1" applyProtection="1">
      <alignment horizontal="left" vertical="center"/>
    </xf>
    <xf numFmtId="0" fontId="19" fillId="3" borderId="154" xfId="0" applyFont="1" applyFill="1" applyBorder="1" applyAlignment="1" applyProtection="1">
      <alignment horizontal="left" vertical="center"/>
    </xf>
    <xf numFmtId="0" fontId="19" fillId="3" borderId="155" xfId="0" applyFont="1" applyFill="1" applyBorder="1" applyAlignment="1" applyProtection="1">
      <alignment horizontal="left" vertical="center"/>
    </xf>
    <xf numFmtId="0" fontId="6" fillId="34" borderId="156" xfId="0" applyFont="1" applyFill="1" applyBorder="1" applyAlignment="1" applyProtection="1">
      <alignment horizontal="center" vertical="center" shrinkToFit="1"/>
    </xf>
    <xf numFmtId="0" fontId="6" fillId="34" borderId="157" xfId="0" applyFont="1" applyFill="1" applyBorder="1" applyAlignment="1" applyProtection="1">
      <alignment horizontal="center" vertical="center" shrinkToFit="1"/>
    </xf>
    <xf numFmtId="0" fontId="19" fillId="3" borderId="159" xfId="0" applyFont="1" applyFill="1" applyBorder="1" applyAlignment="1" applyProtection="1">
      <alignment horizontal="left" vertical="center" wrapText="1"/>
    </xf>
    <xf numFmtId="0" fontId="19" fillId="3" borderId="160" xfId="0" applyFont="1" applyFill="1" applyBorder="1" applyAlignment="1" applyProtection="1">
      <alignment horizontal="left" vertical="center"/>
    </xf>
    <xf numFmtId="0" fontId="19" fillId="3" borderId="161" xfId="0" applyFont="1" applyFill="1" applyBorder="1" applyAlignment="1" applyProtection="1">
      <alignment horizontal="left" vertical="center"/>
    </xf>
    <xf numFmtId="0" fontId="6" fillId="34" borderId="33" xfId="0" applyFont="1" applyFill="1" applyBorder="1" applyAlignment="1" applyProtection="1">
      <alignment horizontal="center" vertical="center" shrinkToFit="1"/>
    </xf>
    <xf numFmtId="0" fontId="19" fillId="34" borderId="38" xfId="0" applyFont="1" applyFill="1" applyBorder="1" applyAlignment="1" applyProtection="1">
      <alignment horizontal="left" vertical="center" shrinkToFit="1"/>
    </xf>
    <xf numFmtId="0" fontId="19" fillId="34" borderId="87" xfId="0" applyFont="1" applyFill="1" applyBorder="1" applyAlignment="1" applyProtection="1">
      <alignment horizontal="left" vertical="center" shrinkToFit="1"/>
    </xf>
    <xf numFmtId="0" fontId="19" fillId="34" borderId="6" xfId="0" applyFont="1" applyFill="1" applyBorder="1" applyAlignment="1" applyProtection="1">
      <alignment horizontal="center" vertical="center" textRotation="255"/>
    </xf>
    <xf numFmtId="0" fontId="6" fillId="3" borderId="165" xfId="0" applyFont="1" applyFill="1" applyBorder="1" applyAlignment="1" applyProtection="1">
      <alignment horizontal="center" vertical="center"/>
    </xf>
    <xf numFmtId="0" fontId="6" fillId="3" borderId="154" xfId="0" applyFont="1" applyFill="1" applyBorder="1" applyAlignment="1" applyProtection="1">
      <alignment horizontal="center" vertical="center"/>
    </xf>
    <xf numFmtId="0" fontId="6" fillId="3" borderId="163" xfId="0" applyFont="1" applyFill="1" applyBorder="1" applyAlignment="1" applyProtection="1">
      <alignment horizontal="center" vertical="center"/>
    </xf>
    <xf numFmtId="0" fontId="15" fillId="3" borderId="52" xfId="0" applyFont="1" applyFill="1" applyBorder="1" applyAlignment="1" applyProtection="1">
      <alignment horizontal="center" vertical="center"/>
    </xf>
    <xf numFmtId="0" fontId="15" fillId="3" borderId="34" xfId="0" applyFont="1" applyFill="1" applyBorder="1" applyAlignment="1" applyProtection="1">
      <alignment horizontal="center" vertical="center"/>
    </xf>
    <xf numFmtId="0" fontId="18" fillId="34" borderId="21" xfId="0" applyFont="1" applyFill="1" applyBorder="1" applyAlignment="1" applyProtection="1">
      <alignment horizontal="center" vertical="center" shrinkToFit="1"/>
    </xf>
    <xf numFmtId="0" fontId="18" fillId="34" borderId="0" xfId="0" applyFont="1" applyFill="1" applyBorder="1" applyAlignment="1" applyProtection="1">
      <alignment horizontal="center" vertical="center" shrinkToFit="1"/>
    </xf>
    <xf numFmtId="0" fontId="18" fillId="34" borderId="5" xfId="0" applyFont="1" applyFill="1" applyBorder="1" applyAlignment="1" applyProtection="1">
      <alignment horizontal="center" vertical="center" shrinkToFit="1"/>
    </xf>
    <xf numFmtId="0" fontId="15" fillId="3" borderId="134" xfId="0" applyFont="1" applyFill="1" applyBorder="1" applyAlignment="1" applyProtection="1">
      <alignment horizontal="center" vertical="center"/>
    </xf>
    <xf numFmtId="0" fontId="15" fillId="3" borderId="135" xfId="0" applyFont="1" applyFill="1" applyBorder="1" applyAlignment="1" applyProtection="1">
      <alignment horizontal="center" vertical="center"/>
    </xf>
    <xf numFmtId="0" fontId="15" fillId="3" borderId="106" xfId="0" applyFont="1" applyFill="1" applyBorder="1" applyAlignment="1" applyProtection="1">
      <alignment horizontal="center" vertical="center"/>
    </xf>
    <xf numFmtId="0" fontId="15" fillId="3" borderId="107" xfId="0" applyFont="1" applyFill="1" applyBorder="1" applyAlignment="1" applyProtection="1">
      <alignment horizontal="center" vertical="center"/>
    </xf>
    <xf numFmtId="0" fontId="9" fillId="34" borderId="141" xfId="0" applyFont="1" applyFill="1" applyBorder="1" applyAlignment="1" applyProtection="1">
      <alignment horizontal="center" vertical="center" shrinkToFit="1"/>
    </xf>
    <xf numFmtId="0" fontId="19" fillId="3" borderId="151" xfId="0" applyFont="1" applyFill="1" applyBorder="1" applyAlignment="1" applyProtection="1">
      <alignment horizontal="left" vertical="center"/>
    </xf>
    <xf numFmtId="0" fontId="19" fillId="3" borderId="80" xfId="0" applyFont="1" applyFill="1" applyBorder="1" applyAlignment="1" applyProtection="1">
      <alignment horizontal="left" vertical="center"/>
    </xf>
    <xf numFmtId="0" fontId="19" fillId="3" borderId="152" xfId="0" applyFont="1" applyFill="1" applyBorder="1" applyAlignment="1" applyProtection="1">
      <alignment horizontal="left" vertical="center"/>
    </xf>
    <xf numFmtId="0" fontId="9" fillId="3" borderId="0" xfId="0" applyFont="1" applyFill="1" applyBorder="1" applyAlignment="1" applyProtection="1">
      <alignment horizontal="left" vertical="center" wrapText="1" shrinkToFit="1"/>
    </xf>
    <xf numFmtId="0" fontId="19" fillId="34" borderId="139" xfId="0" applyFont="1" applyFill="1" applyBorder="1" applyAlignment="1" applyProtection="1">
      <alignment horizontal="center"/>
    </xf>
    <xf numFmtId="0" fontId="6" fillId="34" borderId="192" xfId="0" applyFont="1" applyFill="1" applyBorder="1" applyAlignment="1" applyProtection="1">
      <alignment horizontal="center" vertical="center"/>
    </xf>
    <xf numFmtId="0" fontId="6" fillId="34" borderId="193" xfId="0" applyFont="1" applyFill="1" applyBorder="1" applyAlignment="1" applyProtection="1">
      <alignment horizontal="center" vertical="center"/>
    </xf>
    <xf numFmtId="0" fontId="18" fillId="34" borderId="192" xfId="0" applyFont="1" applyFill="1" applyBorder="1" applyAlignment="1" applyProtection="1">
      <alignment horizontal="center" vertical="center" shrinkToFit="1"/>
    </xf>
    <xf numFmtId="0" fontId="15" fillId="37" borderId="199" xfId="0" applyFont="1" applyFill="1" applyBorder="1" applyAlignment="1" applyProtection="1">
      <alignment horizontal="center" vertical="center"/>
    </xf>
    <xf numFmtId="0" fontId="15" fillId="37" borderId="198" xfId="0" applyFont="1" applyFill="1" applyBorder="1" applyAlignment="1" applyProtection="1">
      <alignment horizontal="center" vertical="center"/>
    </xf>
    <xf numFmtId="0" fontId="18" fillId="37" borderId="197" xfId="0" applyFont="1" applyFill="1" applyBorder="1" applyAlignment="1" applyProtection="1">
      <alignment horizontal="left" vertical="center" shrinkToFit="1"/>
    </xf>
    <xf numFmtId="0" fontId="18" fillId="37" borderId="140" xfId="0" applyFont="1" applyFill="1" applyBorder="1" applyAlignment="1" applyProtection="1">
      <alignment horizontal="center" vertical="center" shrinkToFit="1"/>
    </xf>
    <xf numFmtId="0" fontId="18" fillId="37" borderId="186" xfId="0" applyFont="1" applyFill="1" applyBorder="1" applyAlignment="1" applyProtection="1">
      <alignment horizontal="center" vertical="center" shrinkToFit="1"/>
    </xf>
    <xf numFmtId="0" fontId="18" fillId="37" borderId="136" xfId="0" applyFont="1" applyFill="1" applyBorder="1" applyAlignment="1" applyProtection="1">
      <alignment horizontal="center" vertical="center" shrinkToFit="1"/>
    </xf>
    <xf numFmtId="0" fontId="18" fillId="37" borderId="169" xfId="0" applyFont="1" applyFill="1" applyBorder="1" applyAlignment="1" applyProtection="1">
      <alignment horizontal="center" vertical="center" shrinkToFit="1"/>
    </xf>
    <xf numFmtId="0" fontId="18" fillId="37" borderId="186" xfId="0" applyFont="1" applyFill="1" applyBorder="1" applyAlignment="1" applyProtection="1">
      <alignment horizontal="right" vertical="center" shrinkToFit="1"/>
    </xf>
    <xf numFmtId="0" fontId="18" fillId="37" borderId="136" xfId="0" applyFont="1" applyFill="1" applyBorder="1" applyAlignment="1" applyProtection="1">
      <alignment horizontal="right" vertical="center" shrinkToFit="1"/>
    </xf>
    <xf numFmtId="0" fontId="18" fillId="37" borderId="173" xfId="0" applyFont="1" applyFill="1" applyBorder="1" applyAlignment="1" applyProtection="1">
      <alignment horizontal="right" vertical="center" shrinkToFit="1"/>
    </xf>
    <xf numFmtId="0" fontId="18" fillId="37" borderId="141" xfId="0" applyFont="1" applyFill="1" applyBorder="1" applyAlignment="1" applyProtection="1">
      <alignment horizontal="center" vertical="center" shrinkToFit="1"/>
    </xf>
    <xf numFmtId="0" fontId="6" fillId="38" borderId="137" xfId="0" applyFont="1" applyFill="1" applyBorder="1" applyAlignment="1" applyProtection="1">
      <alignment horizontal="center" vertical="center"/>
    </xf>
    <xf numFmtId="0" fontId="6" fillId="38" borderId="136" xfId="0" applyFont="1" applyFill="1" applyBorder="1" applyAlignment="1" applyProtection="1">
      <alignment horizontal="center" vertical="center"/>
    </xf>
    <xf numFmtId="0" fontId="6" fillId="37" borderId="10" xfId="0" applyFont="1" applyFill="1" applyBorder="1" applyAlignment="1" applyProtection="1">
      <alignment horizontal="center" vertical="center"/>
    </xf>
    <xf numFmtId="0" fontId="6" fillId="37" borderId="118" xfId="0" applyFont="1" applyFill="1" applyBorder="1" applyAlignment="1" applyProtection="1">
      <alignment horizontal="center" vertical="center"/>
    </xf>
    <xf numFmtId="0" fontId="6" fillId="37" borderId="22" xfId="0" applyFont="1" applyFill="1" applyBorder="1" applyAlignment="1" applyProtection="1">
      <alignment horizontal="center" vertical="center"/>
    </xf>
    <xf numFmtId="0" fontId="6" fillId="37" borderId="23" xfId="0" applyFont="1" applyFill="1" applyBorder="1" applyAlignment="1" applyProtection="1">
      <alignment horizontal="center" vertical="center"/>
    </xf>
    <xf numFmtId="0" fontId="6" fillId="37" borderId="196" xfId="0" applyFont="1" applyFill="1" applyBorder="1" applyAlignment="1" applyProtection="1">
      <alignment horizontal="center" vertical="center"/>
    </xf>
    <xf numFmtId="0" fontId="19" fillId="38" borderId="62" xfId="0" applyFont="1" applyFill="1" applyBorder="1" applyAlignment="1" applyProtection="1">
      <alignment horizontal="center" vertical="center" textRotation="255"/>
    </xf>
    <xf numFmtId="0" fontId="19" fillId="38" borderId="12" xfId="0" applyFont="1" applyFill="1" applyBorder="1" applyAlignment="1" applyProtection="1">
      <alignment horizontal="center" vertical="center" textRotation="255"/>
    </xf>
    <xf numFmtId="0" fontId="19" fillId="38" borderId="14" xfId="0" applyFont="1" applyFill="1" applyBorder="1" applyAlignment="1" applyProtection="1">
      <alignment horizontal="center" vertical="center" textRotation="255"/>
    </xf>
    <xf numFmtId="0" fontId="19" fillId="38" borderId="38" xfId="0" applyFont="1" applyFill="1" applyBorder="1" applyAlignment="1">
      <alignment horizontal="left" vertical="center" shrinkToFit="1"/>
    </xf>
    <xf numFmtId="0" fontId="19" fillId="38" borderId="42" xfId="0" applyFont="1" applyFill="1" applyBorder="1" applyAlignment="1">
      <alignment horizontal="left" vertical="center" shrinkToFit="1"/>
    </xf>
    <xf numFmtId="0" fontId="9" fillId="38" borderId="33" xfId="0" applyFont="1" applyFill="1" applyBorder="1" applyAlignment="1" applyProtection="1">
      <alignment horizontal="center" vertical="center" wrapText="1"/>
    </xf>
    <xf numFmtId="0" fontId="9" fillId="38" borderId="0" xfId="0" applyFont="1" applyFill="1" applyBorder="1" applyAlignment="1" applyProtection="1">
      <alignment horizontal="center" vertical="center" wrapText="1"/>
    </xf>
    <xf numFmtId="0" fontId="9" fillId="38" borderId="85" xfId="0" applyFont="1" applyFill="1" applyBorder="1" applyAlignment="1" applyProtection="1">
      <alignment horizontal="center" vertical="center" wrapText="1"/>
    </xf>
    <xf numFmtId="0" fontId="9" fillId="38" borderId="55" xfId="0" applyFont="1" applyFill="1" applyBorder="1" applyAlignment="1" applyProtection="1">
      <alignment horizontal="center" vertical="center" wrapText="1"/>
    </xf>
    <xf numFmtId="0" fontId="9" fillId="38" borderId="3" xfId="0" applyFont="1" applyFill="1" applyBorder="1" applyAlignment="1" applyProtection="1">
      <alignment horizontal="center" vertical="center" wrapText="1"/>
    </xf>
    <xf numFmtId="0" fontId="9" fillId="38" borderId="86" xfId="0" applyFont="1" applyFill="1" applyBorder="1" applyAlignment="1" applyProtection="1">
      <alignment horizontal="center" vertical="center" wrapText="1"/>
    </xf>
    <xf numFmtId="0" fontId="9" fillId="38" borderId="33" xfId="0" applyFont="1" applyFill="1" applyBorder="1" applyAlignment="1" applyProtection="1">
      <alignment horizontal="left" vertical="center" wrapText="1" shrinkToFit="1"/>
    </xf>
    <xf numFmtId="0" fontId="9" fillId="38" borderId="0" xfId="0" applyFont="1" applyFill="1" applyBorder="1" applyAlignment="1" applyProtection="1">
      <alignment horizontal="left" vertical="center" shrinkToFit="1"/>
    </xf>
    <xf numFmtId="0" fontId="9" fillId="38" borderId="5" xfId="0" applyFont="1" applyFill="1" applyBorder="1" applyAlignment="1" applyProtection="1">
      <alignment horizontal="left" vertical="center" shrinkToFit="1"/>
    </xf>
    <xf numFmtId="0" fontId="9" fillId="38" borderId="33" xfId="0" applyFont="1" applyFill="1" applyBorder="1" applyAlignment="1" applyProtection="1">
      <alignment horizontal="left" vertical="center" shrinkToFit="1"/>
    </xf>
    <xf numFmtId="0" fontId="9" fillId="38" borderId="55" xfId="0" applyFont="1" applyFill="1" applyBorder="1" applyAlignment="1" applyProtection="1">
      <alignment horizontal="left" vertical="center" shrinkToFit="1"/>
    </xf>
    <xf numFmtId="0" fontId="9" fillId="38" borderId="3" xfId="0" applyFont="1" applyFill="1" applyBorder="1" applyAlignment="1" applyProtection="1">
      <alignment horizontal="left" vertical="center" shrinkToFit="1"/>
    </xf>
    <xf numFmtId="0" fontId="9" fillId="38" borderId="9" xfId="0" applyFont="1" applyFill="1" applyBorder="1" applyAlignment="1" applyProtection="1">
      <alignment horizontal="left" vertical="center" shrinkToFit="1"/>
    </xf>
    <xf numFmtId="0" fontId="19" fillId="38" borderId="3" xfId="0" applyFont="1" applyFill="1" applyBorder="1" applyAlignment="1" applyProtection="1">
      <alignment horizontal="left" vertical="center" shrinkToFit="1"/>
    </xf>
    <xf numFmtId="0" fontId="19" fillId="38" borderId="86" xfId="0" applyFont="1" applyFill="1" applyBorder="1" applyAlignment="1" applyProtection="1">
      <alignment horizontal="left" vertical="center" shrinkToFit="1"/>
    </xf>
    <xf numFmtId="0" fontId="6" fillId="38" borderId="13" xfId="0" applyFont="1" applyFill="1" applyBorder="1" applyAlignment="1" applyProtection="1">
      <alignment horizontal="center" vertical="center"/>
    </xf>
    <xf numFmtId="0" fontId="6" fillId="38" borderId="7" xfId="0" applyFont="1" applyFill="1" applyBorder="1" applyAlignment="1" applyProtection="1">
      <alignment horizontal="center" vertical="center"/>
    </xf>
    <xf numFmtId="0" fontId="6" fillId="38" borderId="4" xfId="0" applyFont="1" applyFill="1" applyBorder="1" applyAlignment="1" applyProtection="1">
      <alignment horizontal="center" vertical="center"/>
    </xf>
    <xf numFmtId="0" fontId="6" fillId="38" borderId="0" xfId="0" applyFont="1" applyFill="1" applyBorder="1" applyAlignment="1" applyProtection="1">
      <alignment horizontal="center" vertical="center"/>
    </xf>
    <xf numFmtId="0" fontId="18" fillId="38" borderId="62" xfId="0" applyFont="1" applyFill="1" applyBorder="1" applyAlignment="1" applyProtection="1">
      <alignment horizontal="center" vertical="center" textRotation="255"/>
    </xf>
    <xf numFmtId="0" fontId="18" fillId="38" borderId="12" xfId="0" applyFont="1" applyFill="1" applyBorder="1" applyAlignment="1" applyProtection="1">
      <alignment horizontal="center" vertical="center" textRotation="255"/>
    </xf>
    <xf numFmtId="49" fontId="19" fillId="38" borderId="0" xfId="0" applyNumberFormat="1" applyFont="1" applyFill="1" applyBorder="1" applyAlignment="1" applyProtection="1">
      <alignment horizontal="left" vertical="center" shrinkToFit="1"/>
    </xf>
    <xf numFmtId="49" fontId="19" fillId="38" borderId="5" xfId="0" applyNumberFormat="1" applyFont="1" applyFill="1" applyBorder="1" applyAlignment="1" applyProtection="1">
      <alignment horizontal="left" vertical="center" shrinkToFit="1"/>
    </xf>
    <xf numFmtId="0" fontId="46" fillId="38" borderId="52" xfId="0" applyFont="1" applyFill="1" applyBorder="1" applyAlignment="1" applyProtection="1">
      <alignment horizontal="center" vertical="center" wrapText="1" shrinkToFit="1"/>
    </xf>
    <xf numFmtId="0" fontId="46" fillId="38" borderId="27" xfId="0" applyFont="1" applyFill="1" applyBorder="1" applyAlignment="1" applyProtection="1">
      <alignment horizontal="center" vertical="center" wrapText="1" shrinkToFit="1"/>
    </xf>
    <xf numFmtId="0" fontId="46" fillId="38" borderId="80" xfId="0" applyFont="1" applyFill="1" applyBorder="1" applyAlignment="1" applyProtection="1">
      <alignment horizontal="center" vertical="center" wrapText="1" shrinkToFit="1"/>
    </xf>
    <xf numFmtId="0" fontId="46" fillId="38" borderId="4" xfId="0" applyFont="1" applyFill="1" applyBorder="1" applyAlignment="1" applyProtection="1">
      <alignment horizontal="center" vertical="center" wrapText="1" shrinkToFit="1"/>
    </xf>
    <xf numFmtId="0" fontId="46" fillId="38" borderId="0" xfId="0" applyFont="1" applyFill="1" applyBorder="1" applyAlignment="1" applyProtection="1">
      <alignment horizontal="center" vertical="center" wrapText="1" shrinkToFit="1"/>
    </xf>
    <xf numFmtId="0" fontId="46" fillId="38" borderId="85" xfId="0" applyFont="1" applyFill="1" applyBorder="1" applyAlignment="1" applyProtection="1">
      <alignment horizontal="center" vertical="center" wrapText="1" shrinkToFit="1"/>
    </xf>
    <xf numFmtId="0" fontId="46" fillId="38" borderId="34" xfId="0" applyFont="1" applyFill="1" applyBorder="1" applyAlignment="1" applyProtection="1">
      <alignment horizontal="center" vertical="center" wrapText="1" shrinkToFit="1"/>
    </xf>
    <xf numFmtId="0" fontId="46" fillId="38" borderId="23" xfId="0" applyFont="1" applyFill="1" applyBorder="1" applyAlignment="1" applyProtection="1">
      <alignment horizontal="center" vertical="center" wrapText="1" shrinkToFit="1"/>
    </xf>
    <xf numFmtId="0" fontId="46" fillId="38" borderId="75" xfId="0" applyFont="1" applyFill="1" applyBorder="1" applyAlignment="1" applyProtection="1">
      <alignment horizontal="center" vertical="center" wrapText="1" shrinkToFit="1"/>
    </xf>
    <xf numFmtId="0" fontId="19" fillId="38" borderId="2" xfId="0" applyFont="1" applyFill="1" applyBorder="1" applyAlignment="1">
      <alignment horizontal="left" vertical="center" shrinkToFit="1"/>
    </xf>
    <xf numFmtId="0" fontId="19" fillId="38" borderId="35" xfId="0" applyFont="1" applyFill="1" applyBorder="1" applyAlignment="1">
      <alignment horizontal="left" vertical="center" shrinkToFit="1"/>
    </xf>
    <xf numFmtId="0" fontId="9" fillId="38" borderId="53" xfId="0" applyFont="1" applyFill="1" applyBorder="1" applyAlignment="1" applyProtection="1">
      <alignment horizontal="center" vertical="center"/>
    </xf>
    <xf numFmtId="0" fontId="9" fillId="38" borderId="2" xfId="0" applyFont="1" applyFill="1" applyBorder="1" applyAlignment="1" applyProtection="1">
      <alignment horizontal="center" vertical="center"/>
    </xf>
    <xf numFmtId="0" fontId="9" fillId="38" borderId="35" xfId="0" applyFont="1" applyFill="1" applyBorder="1" applyAlignment="1" applyProtection="1">
      <alignment horizontal="center" vertical="center"/>
    </xf>
    <xf numFmtId="0" fontId="9" fillId="38" borderId="53" xfId="0" applyFont="1" applyFill="1" applyBorder="1" applyAlignment="1" applyProtection="1">
      <alignment horizontal="left" vertical="center" shrinkToFit="1"/>
    </xf>
    <xf numFmtId="0" fontId="9" fillId="38" borderId="2" xfId="0" applyFont="1" applyFill="1" applyBorder="1" applyAlignment="1" applyProtection="1">
      <alignment horizontal="left" vertical="center" shrinkToFit="1"/>
    </xf>
    <xf numFmtId="0" fontId="9" fillId="38" borderId="31" xfId="0" applyFont="1" applyFill="1" applyBorder="1" applyAlignment="1" applyProtection="1">
      <alignment horizontal="left" vertical="center" shrinkToFit="1"/>
    </xf>
    <xf numFmtId="0" fontId="46" fillId="38" borderId="54" xfId="0" applyFont="1" applyFill="1" applyBorder="1" applyAlignment="1" applyProtection="1">
      <alignment horizontal="center" vertical="center"/>
    </xf>
    <xf numFmtId="0" fontId="46" fillId="38" borderId="24" xfId="0" applyFont="1" applyFill="1" applyBorder="1" applyAlignment="1" applyProtection="1">
      <alignment horizontal="center" vertical="center"/>
    </xf>
    <xf numFmtId="0" fontId="46" fillId="38" borderId="74" xfId="0" applyFont="1" applyFill="1" applyBorder="1" applyAlignment="1" applyProtection="1">
      <alignment horizontal="center" vertical="center"/>
    </xf>
    <xf numFmtId="0" fontId="46" fillId="38" borderId="58" xfId="0" applyFont="1" applyFill="1" applyBorder="1" applyAlignment="1" applyProtection="1">
      <alignment horizontal="center" vertical="center"/>
    </xf>
    <xf numFmtId="0" fontId="46" fillId="38" borderId="23" xfId="0" applyFont="1" applyFill="1" applyBorder="1" applyAlignment="1" applyProtection="1">
      <alignment horizontal="center" vertical="center"/>
    </xf>
    <xf numFmtId="0" fontId="46" fillId="38" borderId="75" xfId="0" applyFont="1" applyFill="1" applyBorder="1" applyAlignment="1" applyProtection="1">
      <alignment horizontal="center" vertical="center"/>
    </xf>
    <xf numFmtId="0" fontId="9" fillId="38" borderId="76" xfId="0" applyFont="1" applyFill="1" applyBorder="1" applyAlignment="1" applyProtection="1">
      <alignment horizontal="left" vertical="center" shrinkToFit="1"/>
    </xf>
    <xf numFmtId="0" fontId="9" fillId="38" borderId="68" xfId="0" applyFont="1" applyFill="1" applyBorder="1" applyAlignment="1" applyProtection="1">
      <alignment horizontal="left" vertical="center" shrinkToFit="1"/>
    </xf>
    <xf numFmtId="0" fontId="9" fillId="38" borderId="77" xfId="0" applyFont="1" applyFill="1" applyBorder="1" applyAlignment="1" applyProtection="1">
      <alignment horizontal="left" vertical="center" shrinkToFit="1"/>
    </xf>
    <xf numFmtId="0" fontId="19" fillId="38" borderId="23" xfId="0" applyFont="1" applyFill="1" applyBorder="1" applyAlignment="1" applyProtection="1">
      <alignment horizontal="left" vertical="center" shrinkToFit="1"/>
    </xf>
    <xf numFmtId="0" fontId="19" fillId="38" borderId="75" xfId="0" applyFont="1" applyFill="1" applyBorder="1" applyAlignment="1" applyProtection="1">
      <alignment horizontal="left" vertical="center" shrinkToFit="1"/>
    </xf>
    <xf numFmtId="0" fontId="9" fillId="38" borderId="78" xfId="0" applyFont="1" applyFill="1" applyBorder="1" applyAlignment="1" applyProtection="1">
      <alignment horizontal="left" vertical="center" shrinkToFit="1"/>
    </xf>
    <xf numFmtId="0" fontId="9" fillId="38" borderId="1" xfId="0" applyFont="1" applyFill="1" applyBorder="1" applyAlignment="1" applyProtection="1">
      <alignment horizontal="left" vertical="center" shrinkToFit="1"/>
    </xf>
    <xf numFmtId="0" fontId="9" fillId="38" borderId="79" xfId="0" applyFont="1" applyFill="1" applyBorder="1" applyAlignment="1" applyProtection="1">
      <alignment horizontal="left" vertical="center" shrinkToFit="1"/>
    </xf>
    <xf numFmtId="0" fontId="18" fillId="38" borderId="14" xfId="0" applyFont="1" applyFill="1" applyBorder="1" applyAlignment="1" applyProtection="1">
      <alignment horizontal="center" vertical="center" textRotation="255"/>
    </xf>
    <xf numFmtId="0" fontId="6" fillId="38" borderId="37" xfId="0" applyFont="1" applyFill="1" applyBorder="1" applyAlignment="1">
      <alignment horizontal="left" vertical="center" wrapText="1"/>
    </xf>
    <xf numFmtId="0" fontId="6" fillId="38" borderId="2" xfId="0" applyFont="1" applyFill="1" applyBorder="1" applyAlignment="1">
      <alignment horizontal="left" vertical="center" wrapText="1"/>
    </xf>
    <xf numFmtId="0" fontId="6" fillId="38" borderId="65" xfId="0" applyFont="1" applyFill="1" applyBorder="1" applyAlignment="1">
      <alignment horizontal="left" vertical="center" wrapText="1"/>
    </xf>
    <xf numFmtId="0" fontId="19" fillId="38" borderId="28" xfId="0" applyFont="1" applyFill="1" applyBorder="1" applyAlignment="1" applyProtection="1">
      <alignment horizontal="center" vertical="center" wrapText="1"/>
    </xf>
    <xf numFmtId="0" fontId="19" fillId="38" borderId="2" xfId="0" applyFont="1" applyFill="1" applyBorder="1" applyAlignment="1" applyProtection="1">
      <alignment horizontal="center" vertical="center" wrapText="1"/>
    </xf>
    <xf numFmtId="0" fontId="19" fillId="38" borderId="31" xfId="0" applyFont="1" applyFill="1" applyBorder="1" applyAlignment="1" applyProtection="1">
      <alignment horizontal="center" vertical="center" wrapText="1"/>
    </xf>
    <xf numFmtId="0" fontId="6" fillId="38" borderId="67" xfId="0" quotePrefix="1" applyFont="1" applyFill="1" applyBorder="1" applyAlignment="1">
      <alignment horizontal="center" vertical="center" wrapText="1"/>
    </xf>
    <xf numFmtId="0" fontId="6" fillId="38" borderId="68" xfId="0" quotePrefix="1" applyFont="1" applyFill="1" applyBorder="1" applyAlignment="1">
      <alignment horizontal="center" vertical="center" wrapText="1"/>
    </xf>
    <xf numFmtId="0" fontId="6" fillId="38" borderId="68" xfId="0" applyFont="1" applyFill="1" applyBorder="1" applyAlignment="1">
      <alignment horizontal="left" vertical="center" wrapText="1"/>
    </xf>
    <xf numFmtId="0" fontId="6" fillId="38" borderId="69" xfId="0" applyFont="1" applyFill="1" applyBorder="1" applyAlignment="1">
      <alignment horizontal="left" vertical="center" wrapText="1"/>
    </xf>
    <xf numFmtId="0" fontId="6" fillId="38" borderId="131" xfId="0" applyFont="1" applyFill="1" applyBorder="1" applyAlignment="1" applyProtection="1">
      <alignment horizontal="center" vertical="center"/>
    </xf>
    <xf numFmtId="0" fontId="6" fillId="38" borderId="68" xfId="0" applyFont="1" applyFill="1" applyBorder="1" applyAlignment="1" applyProtection="1">
      <alignment horizontal="center" vertical="center"/>
    </xf>
    <xf numFmtId="0" fontId="6" fillId="38" borderId="77" xfId="0" applyFont="1" applyFill="1" applyBorder="1" applyAlignment="1" applyProtection="1">
      <alignment horizontal="center" vertical="center"/>
    </xf>
    <xf numFmtId="0" fontId="6" fillId="38" borderId="70" xfId="0" quotePrefix="1" applyFont="1" applyFill="1" applyBorder="1" applyAlignment="1">
      <alignment horizontal="center" vertical="center" wrapText="1"/>
    </xf>
    <xf numFmtId="0" fontId="6" fillId="38" borderId="61" xfId="0" quotePrefix="1" applyFont="1" applyFill="1" applyBorder="1" applyAlignment="1">
      <alignment horizontal="center" vertical="center" wrapText="1"/>
    </xf>
    <xf numFmtId="0" fontId="6" fillId="38" borderId="61" xfId="0" applyFont="1" applyFill="1" applyBorder="1" applyAlignment="1">
      <alignment horizontal="left" vertical="center" wrapText="1"/>
    </xf>
    <xf numFmtId="0" fontId="6" fillId="38" borderId="71" xfId="0" applyFont="1" applyFill="1" applyBorder="1" applyAlignment="1">
      <alignment horizontal="left" vertical="center" wrapText="1"/>
    </xf>
    <xf numFmtId="0" fontId="6" fillId="38" borderId="108" xfId="0" applyFont="1" applyFill="1" applyBorder="1" applyAlignment="1" applyProtection="1">
      <alignment horizontal="center" vertical="center"/>
    </xf>
    <xf numFmtId="0" fontId="6" fillId="38" borderId="61" xfId="0" applyFont="1" applyFill="1" applyBorder="1" applyAlignment="1" applyProtection="1">
      <alignment horizontal="center" vertical="center"/>
    </xf>
    <xf numFmtId="0" fontId="6" fillId="38" borderId="109" xfId="0" applyFont="1" applyFill="1" applyBorder="1" applyAlignment="1" applyProtection="1">
      <alignment horizontal="center" vertical="center"/>
    </xf>
    <xf numFmtId="0" fontId="19" fillId="34" borderId="179" xfId="0" applyFont="1" applyFill="1" applyBorder="1" applyAlignment="1" applyProtection="1">
      <alignment horizontal="center" vertical="center" textRotation="255"/>
    </xf>
    <xf numFmtId="0" fontId="19" fillId="34" borderId="180" xfId="0" applyFont="1" applyFill="1" applyBorder="1" applyAlignment="1" applyProtection="1">
      <alignment horizontal="center" vertical="center" textRotation="255"/>
    </xf>
    <xf numFmtId="0" fontId="6" fillId="3" borderId="23" xfId="0" applyFont="1" applyFill="1" applyBorder="1" applyAlignment="1" applyProtection="1">
      <alignment horizontal="center" vertical="center"/>
    </xf>
    <xf numFmtId="0" fontId="6" fillId="3" borderId="167" xfId="0" applyFont="1" applyFill="1" applyBorder="1" applyAlignment="1" applyProtection="1">
      <alignment horizontal="center" vertical="center"/>
    </xf>
    <xf numFmtId="0" fontId="6" fillId="3" borderId="196" xfId="0" applyFont="1" applyFill="1" applyBorder="1" applyAlignment="1" applyProtection="1">
      <alignment horizontal="center" vertical="center"/>
    </xf>
    <xf numFmtId="0" fontId="18" fillId="34" borderId="140" xfId="0" applyFont="1" applyFill="1" applyBorder="1" applyAlignment="1" applyProtection="1">
      <alignment horizontal="center" vertical="center" shrinkToFit="1"/>
    </xf>
    <xf numFmtId="0" fontId="18" fillId="34" borderId="141" xfId="0" applyFont="1" applyFill="1" applyBorder="1" applyAlignment="1" applyProtection="1">
      <alignment horizontal="center" vertical="center" shrinkToFit="1"/>
    </xf>
    <xf numFmtId="0" fontId="43" fillId="34" borderId="0" xfId="0" applyFont="1" applyFill="1" applyBorder="1" applyAlignment="1" applyProtection="1">
      <alignment horizontal="center" vertical="center" shrinkToFit="1"/>
    </xf>
    <xf numFmtId="0" fontId="43" fillId="34" borderId="139" xfId="0" applyFont="1" applyFill="1" applyBorder="1" applyAlignment="1" applyProtection="1">
      <alignment horizontal="center" vertical="center" shrinkToFit="1"/>
    </xf>
    <xf numFmtId="0" fontId="9" fillId="38" borderId="202" xfId="0" applyFont="1" applyFill="1" applyBorder="1" applyAlignment="1" applyProtection="1">
      <alignment horizontal="center" vertical="center" shrinkToFit="1"/>
    </xf>
    <xf numFmtId="0" fontId="9" fillId="38" borderId="170" xfId="0" applyFont="1" applyFill="1" applyBorder="1" applyAlignment="1" applyProtection="1">
      <alignment horizontal="center" vertical="center" shrinkToFit="1"/>
    </xf>
    <xf numFmtId="0" fontId="9" fillId="38" borderId="203" xfId="0" applyFont="1" applyFill="1" applyBorder="1" applyAlignment="1" applyProtection="1">
      <alignment horizontal="center" vertical="center" shrinkToFit="1"/>
    </xf>
    <xf numFmtId="0" fontId="51" fillId="38" borderId="24" xfId="0" applyFont="1" applyFill="1" applyBorder="1" applyAlignment="1" applyProtection="1">
      <alignment horizontal="left" vertical="center" wrapText="1"/>
    </xf>
    <xf numFmtId="0" fontId="51" fillId="38" borderId="74" xfId="0" applyFont="1" applyFill="1" applyBorder="1" applyAlignment="1" applyProtection="1">
      <alignment horizontal="left" vertical="center" wrapText="1"/>
    </xf>
    <xf numFmtId="0" fontId="9" fillId="38" borderId="58" xfId="0" applyFont="1" applyFill="1" applyBorder="1" applyAlignment="1" applyProtection="1">
      <alignment horizontal="center" vertical="center" shrinkToFit="1"/>
    </xf>
    <xf numFmtId="0" fontId="9" fillId="38" borderId="23" xfId="0" applyFont="1" applyFill="1" applyBorder="1" applyAlignment="1" applyProtection="1">
      <alignment horizontal="center" vertical="center" shrinkToFit="1"/>
    </xf>
    <xf numFmtId="0" fontId="9" fillId="38" borderId="30" xfId="0" applyFont="1" applyFill="1" applyBorder="1" applyAlignment="1" applyProtection="1">
      <alignment horizontal="center" vertical="center" shrinkToFit="1"/>
    </xf>
    <xf numFmtId="0" fontId="19" fillId="38" borderId="52" xfId="0" applyFont="1" applyFill="1" applyBorder="1" applyAlignment="1" applyProtection="1">
      <alignment horizontal="left" vertical="center"/>
    </xf>
    <xf numFmtId="0" fontId="19" fillId="38" borderId="27" xfId="0" applyFont="1" applyFill="1" applyBorder="1" applyAlignment="1" applyProtection="1">
      <alignment horizontal="left" vertical="center"/>
    </xf>
    <xf numFmtId="0" fontId="19" fillId="38" borderId="4" xfId="0" applyFont="1" applyFill="1" applyBorder="1" applyAlignment="1" applyProtection="1">
      <alignment horizontal="left" vertical="center"/>
    </xf>
    <xf numFmtId="0" fontId="19" fillId="38" borderId="0" xfId="0" applyFont="1" applyFill="1" applyBorder="1" applyAlignment="1" applyProtection="1">
      <alignment horizontal="left" vertical="center"/>
    </xf>
    <xf numFmtId="0" fontId="19" fillId="38" borderId="6" xfId="0" applyFont="1" applyFill="1" applyBorder="1" applyAlignment="1" applyProtection="1">
      <alignment horizontal="left" vertical="center"/>
    </xf>
    <xf numFmtId="0" fontId="19" fillId="38" borderId="3" xfId="0" applyFont="1" applyFill="1" applyBorder="1" applyAlignment="1" applyProtection="1">
      <alignment horizontal="left" vertical="center"/>
    </xf>
    <xf numFmtId="0" fontId="9" fillId="38" borderId="27" xfId="0" applyFont="1" applyFill="1" applyBorder="1" applyAlignment="1" applyProtection="1">
      <alignment horizontal="left" vertical="center" wrapText="1" shrinkToFit="1"/>
    </xf>
    <xf numFmtId="0" fontId="19" fillId="38" borderId="27" xfId="0" applyFont="1" applyFill="1" applyBorder="1" applyAlignment="1" applyProtection="1">
      <alignment horizontal="center"/>
    </xf>
    <xf numFmtId="0" fontId="19" fillId="38" borderId="29" xfId="0" applyFont="1" applyFill="1" applyBorder="1" applyAlignment="1" applyProtection="1">
      <alignment horizontal="center"/>
    </xf>
    <xf numFmtId="0" fontId="19" fillId="38" borderId="0" xfId="0" applyFont="1" applyFill="1" applyBorder="1" applyAlignment="1" applyProtection="1">
      <alignment horizontal="center"/>
    </xf>
    <xf numFmtId="0" fontId="19" fillId="38" borderId="5" xfId="0" applyFont="1" applyFill="1" applyBorder="1" applyAlignment="1" applyProtection="1">
      <alignment horizontal="center"/>
    </xf>
    <xf numFmtId="0" fontId="19" fillId="38" borderId="3" xfId="0" applyFont="1" applyFill="1" applyBorder="1" applyAlignment="1" applyProtection="1">
      <alignment horizontal="center"/>
    </xf>
    <xf numFmtId="0" fontId="19" fillId="38" borderId="9" xfId="0" applyFont="1" applyFill="1" applyBorder="1" applyAlignment="1" applyProtection="1">
      <alignment horizontal="center"/>
    </xf>
    <xf numFmtId="0" fontId="6" fillId="38" borderId="33" xfId="0" applyFont="1" applyFill="1" applyBorder="1" applyAlignment="1" applyProtection="1">
      <alignment horizontal="center" vertical="center"/>
    </xf>
    <xf numFmtId="0" fontId="6" fillId="38" borderId="55" xfId="0" applyFont="1" applyFill="1" applyBorder="1" applyAlignment="1" applyProtection="1">
      <alignment horizontal="center" vertical="center"/>
    </xf>
    <xf numFmtId="0" fontId="6" fillId="38" borderId="3" xfId="0" applyFont="1" applyFill="1" applyBorder="1" applyAlignment="1" applyProtection="1">
      <alignment horizontal="center" vertical="center"/>
    </xf>
    <xf numFmtId="0" fontId="63" fillId="34" borderId="62" xfId="0" applyFont="1" applyFill="1" applyBorder="1" applyAlignment="1" applyProtection="1">
      <alignment horizontal="center" vertical="center" textRotation="255" wrapText="1"/>
    </xf>
    <xf numFmtId="0" fontId="63" fillId="34" borderId="12" xfId="0" applyFont="1" applyFill="1" applyBorder="1" applyAlignment="1" applyProtection="1">
      <alignment horizontal="center" vertical="center" textRotation="255" wrapText="1"/>
    </xf>
    <xf numFmtId="0" fontId="19" fillId="38" borderId="50" xfId="0" applyFont="1" applyFill="1" applyBorder="1" applyAlignment="1" applyProtection="1">
      <alignment horizontal="left" vertical="center"/>
    </xf>
    <xf numFmtId="0" fontId="19" fillId="38" borderId="25" xfId="0" applyFont="1" applyFill="1" applyBorder="1" applyAlignment="1" applyProtection="1">
      <alignment horizontal="left" vertical="center"/>
    </xf>
    <xf numFmtId="0" fontId="19" fillId="38" borderId="36" xfId="0" applyFont="1" applyFill="1" applyBorder="1" applyAlignment="1" applyProtection="1">
      <alignment horizontal="left" vertical="center"/>
    </xf>
    <xf numFmtId="0" fontId="6" fillId="38" borderId="82" xfId="0" applyFont="1" applyFill="1" applyBorder="1" applyAlignment="1" applyProtection="1">
      <alignment horizontal="center" vertical="center" shrinkToFit="1"/>
    </xf>
    <xf numFmtId="0" fontId="6" fillId="38" borderId="83" xfId="0" applyFont="1" applyFill="1" applyBorder="1" applyAlignment="1" applyProtection="1">
      <alignment horizontal="center" vertical="center" shrinkToFit="1"/>
    </xf>
    <xf numFmtId="0" fontId="19" fillId="38" borderId="187" xfId="0" applyFont="1" applyFill="1" applyBorder="1" applyAlignment="1" applyProtection="1">
      <alignment horizontal="left" vertical="center" wrapText="1"/>
    </xf>
    <xf numFmtId="0" fontId="19" fillId="38" borderId="160" xfId="0" applyFont="1" applyFill="1" applyBorder="1" applyAlignment="1" applyProtection="1">
      <alignment horizontal="left" vertical="center"/>
    </xf>
    <xf numFmtId="0" fontId="19" fillId="38" borderId="161" xfId="0" applyFont="1" applyFill="1" applyBorder="1" applyAlignment="1" applyProtection="1">
      <alignment horizontal="left" vertical="center"/>
    </xf>
    <xf numFmtId="0" fontId="6" fillId="38" borderId="194" xfId="0" applyFont="1" applyFill="1" applyBorder="1" applyAlignment="1" applyProtection="1">
      <alignment horizontal="center" vertical="center" shrinkToFit="1"/>
    </xf>
    <xf numFmtId="0" fontId="6" fillId="38" borderId="195" xfId="0" applyFont="1" applyFill="1" applyBorder="1" applyAlignment="1" applyProtection="1">
      <alignment horizontal="center" vertical="center" shrinkToFit="1"/>
    </xf>
    <xf numFmtId="0" fontId="18" fillId="34" borderId="91" xfId="0" applyFont="1" applyFill="1" applyBorder="1" applyAlignment="1" applyProtection="1">
      <alignment horizontal="center" vertical="center" shrinkToFit="1"/>
    </xf>
    <xf numFmtId="0" fontId="18" fillId="34" borderId="139" xfId="0" applyFont="1" applyFill="1" applyBorder="1" applyAlignment="1" applyProtection="1">
      <alignment horizontal="center" vertical="center" shrinkToFit="1"/>
    </xf>
    <xf numFmtId="0" fontId="48" fillId="34" borderId="0" xfId="0" applyFont="1" applyFill="1" applyAlignment="1">
      <alignment horizontal="center" vertical="center"/>
    </xf>
    <xf numFmtId="0" fontId="65" fillId="34" borderId="0" xfId="0" applyFont="1" applyFill="1" applyAlignment="1">
      <alignment horizontal="left" vertical="center"/>
    </xf>
    <xf numFmtId="0" fontId="44" fillId="35" borderId="0" xfId="0" applyFont="1" applyFill="1" applyAlignment="1">
      <alignment horizontal="center"/>
    </xf>
    <xf numFmtId="0" fontId="43" fillId="34" borderId="0" xfId="0" applyFont="1" applyFill="1" applyAlignment="1">
      <alignment horizontal="right" vertical="center" shrinkToFit="1"/>
    </xf>
    <xf numFmtId="0" fontId="43" fillId="34" borderId="0" xfId="0" applyFont="1" applyFill="1" applyAlignment="1">
      <alignment horizontal="center" vertical="center" shrinkToFit="1"/>
    </xf>
    <xf numFmtId="0" fontId="46" fillId="34" borderId="0" xfId="0" applyFont="1" applyFill="1" applyAlignment="1">
      <alignment horizontal="left" vertical="top" wrapText="1"/>
    </xf>
    <xf numFmtId="0" fontId="45" fillId="34" borderId="3" xfId="0" applyFont="1" applyFill="1" applyBorder="1" applyAlignment="1">
      <alignment horizontal="left" shrinkToFit="1"/>
    </xf>
    <xf numFmtId="0" fontId="3" fillId="40" borderId="60" xfId="0" applyFont="1" applyFill="1" applyBorder="1" applyAlignment="1">
      <alignment horizontal="center" vertical="center" wrapText="1"/>
    </xf>
    <xf numFmtId="0" fontId="3" fillId="40" borderId="96" xfId="0" applyFont="1" applyFill="1" applyBorder="1" applyAlignment="1">
      <alignment horizontal="center" vertical="center" wrapText="1"/>
    </xf>
    <xf numFmtId="0" fontId="3" fillId="40" borderId="60" xfId="0" applyFont="1" applyFill="1" applyBorder="1" applyAlignment="1">
      <alignment horizontal="left" vertical="center" wrapText="1"/>
    </xf>
    <xf numFmtId="0" fontId="3" fillId="40" borderId="96" xfId="0" applyFont="1" applyFill="1" applyBorder="1" applyAlignment="1">
      <alignment horizontal="left" vertical="center" wrapText="1"/>
    </xf>
    <xf numFmtId="0" fontId="3" fillId="40" borderId="93" xfId="0" applyFont="1" applyFill="1" applyBorder="1" applyAlignment="1">
      <alignment horizontal="center" vertical="center" wrapText="1"/>
    </xf>
    <xf numFmtId="0" fontId="3" fillId="40" borderId="93" xfId="0" applyFont="1" applyFill="1" applyBorder="1" applyAlignment="1">
      <alignment horizontal="left" vertical="center" wrapText="1"/>
    </xf>
    <xf numFmtId="0" fontId="3" fillId="40" borderId="98" xfId="0" applyFont="1" applyFill="1" applyBorder="1" applyAlignment="1">
      <alignment horizontal="left" vertical="center" wrapText="1"/>
    </xf>
    <xf numFmtId="0" fontId="43" fillId="39" borderId="23" xfId="0" applyFont="1" applyFill="1" applyBorder="1" applyAlignment="1">
      <alignment horizontal="right" vertical="center" shrinkToFit="1"/>
    </xf>
    <xf numFmtId="0" fontId="3" fillId="40" borderId="103" xfId="0" applyFont="1" applyFill="1" applyBorder="1" applyAlignment="1">
      <alignment horizontal="left" vertical="center" wrapText="1"/>
    </xf>
    <xf numFmtId="0" fontId="3" fillId="40" borderId="11" xfId="0" applyFont="1" applyFill="1" applyBorder="1" applyAlignment="1">
      <alignment horizontal="left" vertical="center" wrapText="1"/>
    </xf>
    <xf numFmtId="0" fontId="3" fillId="40" borderId="99" xfId="0" applyFont="1" applyFill="1" applyBorder="1" applyAlignment="1">
      <alignment horizontal="left" vertical="center" wrapText="1"/>
    </xf>
    <xf numFmtId="0" fontId="3" fillId="40" borderId="104" xfId="0" applyFont="1" applyFill="1" applyBorder="1" applyAlignment="1">
      <alignment horizontal="left" vertical="center" wrapText="1"/>
    </xf>
    <xf numFmtId="0" fontId="3" fillId="40" borderId="26" xfId="0" applyFont="1" applyFill="1" applyBorder="1" applyAlignment="1">
      <alignment horizontal="left" vertical="center" wrapText="1"/>
    </xf>
    <xf numFmtId="0" fontId="3" fillId="40" borderId="25" xfId="0" applyFont="1" applyFill="1" applyBorder="1" applyAlignment="1">
      <alignment horizontal="left" vertical="center" wrapText="1"/>
    </xf>
    <xf numFmtId="0" fontId="3" fillId="40" borderId="63" xfId="0" applyFont="1" applyFill="1" applyBorder="1" applyAlignment="1">
      <alignment horizontal="left" vertical="center" wrapText="1"/>
    </xf>
    <xf numFmtId="0" fontId="3" fillId="40" borderId="64" xfId="0" applyFont="1" applyFill="1" applyBorder="1" applyAlignment="1">
      <alignment horizontal="left" vertical="center" wrapText="1"/>
    </xf>
    <xf numFmtId="0" fontId="3" fillId="40" borderId="15" xfId="0" applyFont="1" applyFill="1" applyBorder="1" applyAlignment="1">
      <alignment horizontal="left" vertical="center" wrapText="1"/>
    </xf>
    <xf numFmtId="0" fontId="3" fillId="40" borderId="16" xfId="0" applyFont="1" applyFill="1" applyBorder="1" applyAlignment="1">
      <alignment horizontal="left" vertical="center" wrapText="1"/>
    </xf>
    <xf numFmtId="0" fontId="3" fillId="40" borderId="66" xfId="0" applyFont="1" applyFill="1" applyBorder="1" applyAlignment="1">
      <alignment horizontal="left" vertical="center"/>
    </xf>
    <xf numFmtId="0" fontId="3" fillId="40" borderId="100" xfId="0" applyFont="1" applyFill="1" applyBorder="1" applyAlignment="1">
      <alignment horizontal="left" vertical="center"/>
    </xf>
    <xf numFmtId="0" fontId="3" fillId="40" borderId="101" xfId="0" applyFont="1" applyFill="1" applyBorder="1" applyAlignment="1">
      <alignment horizontal="left" vertical="center"/>
    </xf>
    <xf numFmtId="0" fontId="3" fillId="40" borderId="95" xfId="0" applyFont="1" applyFill="1" applyBorder="1" applyAlignment="1">
      <alignment horizontal="center" vertical="center" wrapText="1"/>
    </xf>
    <xf numFmtId="0" fontId="3" fillId="40" borderId="102" xfId="0" applyFont="1" applyFill="1" applyBorder="1" applyAlignment="1">
      <alignment horizontal="center" vertical="center" wrapText="1"/>
    </xf>
    <xf numFmtId="0" fontId="51" fillId="3" borderId="62" xfId="0" applyFont="1" applyFill="1" applyBorder="1" applyAlignment="1">
      <alignment horizontal="center" vertical="center" textRotation="255"/>
    </xf>
    <xf numFmtId="0" fontId="51" fillId="3" borderId="12" xfId="0" applyFont="1" applyFill="1" applyBorder="1" applyAlignment="1">
      <alignment horizontal="center" vertical="center" textRotation="255"/>
    </xf>
    <xf numFmtId="49" fontId="43" fillId="34" borderId="25" xfId="0" applyNumberFormat="1" applyFont="1" applyFill="1" applyBorder="1" applyAlignment="1">
      <alignment horizontal="left" vertical="center" shrinkToFit="1"/>
    </xf>
    <xf numFmtId="49" fontId="43" fillId="34" borderId="63" xfId="0" applyNumberFormat="1" applyFont="1" applyFill="1" applyBorder="1" applyAlignment="1">
      <alignment horizontal="left" vertical="center" shrinkToFit="1"/>
    </xf>
    <xf numFmtId="49" fontId="43" fillId="34" borderId="64" xfId="0" applyNumberFormat="1" applyFont="1" applyFill="1" applyBorder="1" applyAlignment="1">
      <alignment horizontal="left" vertical="center" shrinkToFit="1"/>
    </xf>
    <xf numFmtId="0" fontId="43" fillId="34" borderId="16" xfId="0" applyFont="1" applyFill="1" applyBorder="1" applyAlignment="1">
      <alignment horizontal="left" vertical="center" shrinkToFit="1"/>
    </xf>
    <xf numFmtId="0" fontId="43" fillId="34" borderId="17" xfId="0" applyFont="1" applyFill="1" applyBorder="1" applyAlignment="1">
      <alignment horizontal="left" vertical="center" shrinkToFit="1"/>
    </xf>
    <xf numFmtId="49" fontId="43" fillId="34" borderId="16" xfId="0" applyNumberFormat="1" applyFont="1" applyFill="1" applyBorder="1" applyAlignment="1">
      <alignment horizontal="left" vertical="center" shrinkToFit="1"/>
    </xf>
    <xf numFmtId="49" fontId="43" fillId="34" borderId="18" xfId="0" applyNumberFormat="1" applyFont="1" applyFill="1" applyBorder="1" applyAlignment="1">
      <alignment horizontal="left" vertical="center" shrinkToFit="1"/>
    </xf>
    <xf numFmtId="0" fontId="43" fillId="34" borderId="23" xfId="0" applyFont="1" applyFill="1" applyBorder="1" applyAlignment="1">
      <alignment horizontal="left" vertical="center" shrinkToFit="1"/>
    </xf>
    <xf numFmtId="0" fontId="43" fillId="34" borderId="30" xfId="0" applyFont="1" applyFill="1" applyBorder="1" applyAlignment="1">
      <alignment horizontal="left" vertical="center" shrinkToFit="1"/>
    </xf>
    <xf numFmtId="0" fontId="43" fillId="34" borderId="2" xfId="0" applyFont="1" applyFill="1" applyBorder="1" applyAlignment="1">
      <alignment horizontal="left" vertical="center" shrinkToFit="1"/>
    </xf>
    <xf numFmtId="0" fontId="43" fillId="34" borderId="65" xfId="0" applyFont="1" applyFill="1" applyBorder="1" applyAlignment="1">
      <alignment horizontal="left" vertical="center" shrinkToFit="1"/>
    </xf>
    <xf numFmtId="0" fontId="43" fillId="34" borderId="28" xfId="0" applyFont="1" applyFill="1" applyBorder="1" applyAlignment="1">
      <alignment horizontal="left" vertical="center" shrinkToFit="1"/>
    </xf>
    <xf numFmtId="0" fontId="43" fillId="34" borderId="31" xfId="0" applyFont="1" applyFill="1" applyBorder="1" applyAlignment="1">
      <alignment horizontal="left" vertical="center" shrinkToFit="1"/>
    </xf>
    <xf numFmtId="0" fontId="43" fillId="34" borderId="10" xfId="0" applyFont="1" applyFill="1" applyBorder="1" applyAlignment="1">
      <alignment horizontal="left" vertical="center" shrinkToFit="1"/>
    </xf>
    <xf numFmtId="0" fontId="47" fillId="39" borderId="60" xfId="0" applyFont="1" applyFill="1" applyBorder="1" applyAlignment="1">
      <alignment horizontal="center" vertical="center" wrapText="1"/>
    </xf>
    <xf numFmtId="0" fontId="47" fillId="39" borderId="60" xfId="0" applyFont="1" applyFill="1" applyBorder="1" applyAlignment="1">
      <alignment horizontal="left" vertical="center" wrapText="1"/>
    </xf>
    <xf numFmtId="0" fontId="47" fillId="39" borderId="96" xfId="0" applyFont="1" applyFill="1" applyBorder="1" applyAlignment="1">
      <alignment horizontal="left" vertical="center" wrapText="1"/>
    </xf>
    <xf numFmtId="0" fontId="47" fillId="39" borderId="93" xfId="0" applyFont="1" applyFill="1" applyBorder="1" applyAlignment="1">
      <alignment horizontal="center" vertical="center" wrapText="1"/>
    </xf>
    <xf numFmtId="0" fontId="47" fillId="39" borderId="93" xfId="0" applyFont="1" applyFill="1" applyBorder="1" applyAlignment="1">
      <alignment horizontal="left" vertical="center" wrapText="1"/>
    </xf>
    <xf numFmtId="0" fontId="47" fillId="39" borderId="98" xfId="0" applyFont="1" applyFill="1" applyBorder="1" applyAlignment="1">
      <alignment horizontal="left" vertical="center" wrapText="1"/>
    </xf>
    <xf numFmtId="0" fontId="47" fillId="12" borderId="103" xfId="0" applyFont="1" applyFill="1" applyBorder="1" applyAlignment="1">
      <alignment horizontal="left" vertical="center" wrapText="1"/>
    </xf>
    <xf numFmtId="0" fontId="47" fillId="12" borderId="11" xfId="0" applyFont="1" applyFill="1" applyBorder="1" applyAlignment="1">
      <alignment horizontal="left" vertical="center" wrapText="1"/>
    </xf>
    <xf numFmtId="0" fontId="47" fillId="12" borderId="99" xfId="0" applyFont="1" applyFill="1" applyBorder="1" applyAlignment="1">
      <alignment horizontal="left" vertical="center" wrapText="1"/>
    </xf>
    <xf numFmtId="0" fontId="47" fillId="41" borderId="60" xfId="0" applyFont="1" applyFill="1" applyBorder="1" applyAlignment="1">
      <alignment horizontal="left" vertical="center" wrapText="1"/>
    </xf>
    <xf numFmtId="0" fontId="47" fillId="41" borderId="26" xfId="0" applyFont="1" applyFill="1" applyBorder="1" applyAlignment="1">
      <alignment horizontal="left" vertical="center" wrapText="1"/>
    </xf>
    <xf numFmtId="0" fontId="47" fillId="41" borderId="25" xfId="0" applyFont="1" applyFill="1" applyBorder="1" applyAlignment="1">
      <alignment horizontal="left" vertical="center" wrapText="1"/>
    </xf>
    <xf numFmtId="0" fontId="47" fillId="41" borderId="63" xfId="0" applyFont="1" applyFill="1" applyBorder="1" applyAlignment="1">
      <alignment horizontal="left" vertical="center" wrapText="1"/>
    </xf>
    <xf numFmtId="0" fontId="47" fillId="41" borderId="64" xfId="0" applyFont="1" applyFill="1" applyBorder="1" applyAlignment="1">
      <alignment horizontal="left" vertical="center" wrapText="1"/>
    </xf>
    <xf numFmtId="0" fontId="47" fillId="12" borderId="15" xfId="0" applyFont="1" applyFill="1" applyBorder="1" applyAlignment="1">
      <alignment horizontal="left" vertical="center" wrapText="1"/>
    </xf>
    <xf numFmtId="0" fontId="47" fillId="12" borderId="16" xfId="0" applyFont="1" applyFill="1" applyBorder="1" applyAlignment="1">
      <alignment horizontal="left" vertical="center" wrapText="1"/>
    </xf>
    <xf numFmtId="0" fontId="47" fillId="12" borderId="27" xfId="0" applyFont="1" applyFill="1" applyBorder="1" applyAlignment="1">
      <alignment horizontal="left" vertical="center" wrapText="1"/>
    </xf>
    <xf numFmtId="0" fontId="47" fillId="12" borderId="0" xfId="0" applyFont="1" applyFill="1" applyAlignment="1">
      <alignment horizontal="left" vertical="center" wrapText="1"/>
    </xf>
    <xf numFmtId="0" fontId="47" fillId="12" borderId="60" xfId="0" applyFont="1" applyFill="1" applyBorder="1" applyAlignment="1">
      <alignment horizontal="left" vertical="center" wrapText="1"/>
    </xf>
    <xf numFmtId="0" fontId="47" fillId="12" borderId="96" xfId="0" applyFont="1" applyFill="1" applyBorder="1" applyAlignment="1">
      <alignment horizontal="left" vertical="center" wrapText="1"/>
    </xf>
    <xf numFmtId="0" fontId="47" fillId="39" borderId="103" xfId="0" applyFont="1" applyFill="1" applyBorder="1" applyAlignment="1">
      <alignment horizontal="left" vertical="center" wrapText="1"/>
    </xf>
    <xf numFmtId="0" fontId="47" fillId="39" borderId="11" xfId="0" applyFont="1" applyFill="1" applyBorder="1" applyAlignment="1">
      <alignment horizontal="left" vertical="center" wrapText="1"/>
    </xf>
    <xf numFmtId="0" fontId="47" fillId="39" borderId="99" xfId="0" applyFont="1" applyFill="1" applyBorder="1" applyAlignment="1">
      <alignment horizontal="left" vertical="center" wrapText="1"/>
    </xf>
    <xf numFmtId="0" fontId="47" fillId="39" borderId="104" xfId="0" applyFont="1" applyFill="1" applyBorder="1" applyAlignment="1">
      <alignment horizontal="left" vertical="center" wrapText="1"/>
    </xf>
    <xf numFmtId="0" fontId="47" fillId="39" borderId="26" xfId="0" applyFont="1" applyFill="1" applyBorder="1" applyAlignment="1">
      <alignment horizontal="left" vertical="center" wrapText="1"/>
    </xf>
    <xf numFmtId="0" fontId="47" fillId="39" borderId="25" xfId="0" applyFont="1" applyFill="1" applyBorder="1" applyAlignment="1">
      <alignment horizontal="left" vertical="center" wrapText="1"/>
    </xf>
    <xf numFmtId="0" fontId="47" fillId="39" borderId="63" xfId="0" applyFont="1" applyFill="1" applyBorder="1" applyAlignment="1">
      <alignment horizontal="left" vertical="center" wrapText="1"/>
    </xf>
    <xf numFmtId="0" fontId="47" fillId="39" borderId="64" xfId="0" applyFont="1" applyFill="1" applyBorder="1" applyAlignment="1">
      <alignment horizontal="left" vertical="center" wrapText="1"/>
    </xf>
    <xf numFmtId="0" fontId="47" fillId="39" borderId="15" xfId="0" applyFont="1" applyFill="1" applyBorder="1" applyAlignment="1">
      <alignment horizontal="left" vertical="center" wrapText="1"/>
    </xf>
    <xf numFmtId="0" fontId="47" fillId="39" borderId="16" xfId="0" applyFont="1" applyFill="1" applyBorder="1" applyAlignment="1">
      <alignment horizontal="left" vertical="center" wrapText="1"/>
    </xf>
    <xf numFmtId="0" fontId="47" fillId="39" borderId="18" xfId="0" applyFont="1" applyFill="1" applyBorder="1" applyAlignment="1">
      <alignment horizontal="left" vertical="center" wrapText="1"/>
    </xf>
    <xf numFmtId="0" fontId="47" fillId="39" borderId="66" xfId="0" applyFont="1" applyFill="1" applyBorder="1" applyAlignment="1">
      <alignment horizontal="left" vertical="center"/>
    </xf>
    <xf numFmtId="0" fontId="47" fillId="39" borderId="100" xfId="0" applyFont="1" applyFill="1" applyBorder="1" applyAlignment="1">
      <alignment horizontal="left" vertical="center"/>
    </xf>
    <xf numFmtId="0" fontId="47" fillId="39" borderId="101" xfId="0" applyFont="1" applyFill="1" applyBorder="1" applyAlignment="1">
      <alignment horizontal="left" vertical="center"/>
    </xf>
    <xf numFmtId="0" fontId="47" fillId="39" borderId="95" xfId="0" applyFont="1" applyFill="1" applyBorder="1" applyAlignment="1">
      <alignment horizontal="center" vertical="center" wrapText="1"/>
    </xf>
    <xf numFmtId="0" fontId="47" fillId="39" borderId="102" xfId="0" applyFont="1" applyFill="1" applyBorder="1" applyAlignment="1">
      <alignment horizontal="center" vertical="center" wrapText="1"/>
    </xf>
    <xf numFmtId="0" fontId="47" fillId="39" borderId="96" xfId="0" applyFont="1" applyFill="1" applyBorder="1" applyAlignment="1">
      <alignment horizontal="center" vertical="center" wrapText="1"/>
    </xf>
    <xf numFmtId="0" fontId="47" fillId="22" borderId="103" xfId="0" applyFont="1" applyFill="1" applyBorder="1" applyAlignment="1">
      <alignment horizontal="left" vertical="center" wrapText="1"/>
    </xf>
    <xf numFmtId="0" fontId="47" fillId="22" borderId="11" xfId="0" applyFont="1" applyFill="1" applyBorder="1" applyAlignment="1">
      <alignment horizontal="left" vertical="center" wrapText="1"/>
    </xf>
    <xf numFmtId="0" fontId="47" fillId="22" borderId="99" xfId="0" applyFont="1" applyFill="1" applyBorder="1" applyAlignment="1">
      <alignment horizontal="left" vertical="center" wrapText="1"/>
    </xf>
    <xf numFmtId="0" fontId="47" fillId="22" borderId="104" xfId="0" applyFont="1" applyFill="1" applyBorder="1" applyAlignment="1">
      <alignment horizontal="left" vertical="center" wrapText="1"/>
    </xf>
    <xf numFmtId="0" fontId="47" fillId="22" borderId="26" xfId="0" applyFont="1" applyFill="1" applyBorder="1" applyAlignment="1">
      <alignment horizontal="left" vertical="center" wrapText="1"/>
    </xf>
    <xf numFmtId="0" fontId="47" fillId="22" borderId="25" xfId="0" applyFont="1" applyFill="1" applyBorder="1" applyAlignment="1">
      <alignment horizontal="left" vertical="center" wrapText="1"/>
    </xf>
    <xf numFmtId="0" fontId="47" fillId="22" borderId="63" xfId="0" applyFont="1" applyFill="1" applyBorder="1" applyAlignment="1">
      <alignment horizontal="left" vertical="center" wrapText="1"/>
    </xf>
    <xf numFmtId="0" fontId="47" fillId="22" borderId="64" xfId="0" applyFont="1" applyFill="1" applyBorder="1" applyAlignment="1">
      <alignment horizontal="left" vertical="center" wrapText="1"/>
    </xf>
    <xf numFmtId="0" fontId="47" fillId="22" borderId="15" xfId="0" applyFont="1" applyFill="1" applyBorder="1" applyAlignment="1">
      <alignment horizontal="left" vertical="center" wrapText="1"/>
    </xf>
    <xf numFmtId="0" fontId="47" fillId="22" borderId="16" xfId="0" applyFont="1" applyFill="1" applyBorder="1" applyAlignment="1">
      <alignment horizontal="left" vertical="center" wrapText="1"/>
    </xf>
    <xf numFmtId="0" fontId="47" fillId="22" borderId="27" xfId="0" applyFont="1" applyFill="1" applyBorder="1" applyAlignment="1">
      <alignment horizontal="left" vertical="center" wrapText="1"/>
    </xf>
    <xf numFmtId="0" fontId="47" fillId="22" borderId="0" xfId="0" applyFont="1" applyFill="1" applyAlignment="1">
      <alignment horizontal="left" vertical="center" wrapText="1"/>
    </xf>
    <xf numFmtId="0" fontId="47" fillId="22" borderId="60" xfId="0" applyFont="1" applyFill="1" applyBorder="1" applyAlignment="1">
      <alignment horizontal="left" vertical="center" wrapText="1"/>
    </xf>
    <xf numFmtId="0" fontId="47" fillId="22" borderId="96" xfId="0" applyFont="1" applyFill="1" applyBorder="1" applyAlignment="1">
      <alignment horizontal="left" vertical="center" wrapText="1"/>
    </xf>
    <xf numFmtId="0" fontId="47" fillId="22" borderId="60" xfId="0" applyFont="1" applyFill="1" applyBorder="1" applyAlignment="1">
      <alignment horizontal="center" vertical="center" wrapText="1"/>
    </xf>
    <xf numFmtId="0" fontId="47" fillId="22" borderId="66" xfId="0" applyFont="1" applyFill="1" applyBorder="1" applyAlignment="1">
      <alignment horizontal="left" vertical="center"/>
    </xf>
    <xf numFmtId="0" fontId="47" fillId="22" borderId="100" xfId="0" applyFont="1" applyFill="1" applyBorder="1" applyAlignment="1">
      <alignment horizontal="left" vertical="center"/>
    </xf>
    <xf numFmtId="0" fontId="47" fillId="22" borderId="101" xfId="0" applyFont="1" applyFill="1" applyBorder="1" applyAlignment="1">
      <alignment horizontal="left" vertical="center"/>
    </xf>
    <xf numFmtId="0" fontId="47" fillId="12" borderId="60" xfId="0" applyFont="1" applyFill="1" applyBorder="1" applyAlignment="1">
      <alignment horizontal="center" vertical="center" wrapText="1"/>
    </xf>
    <xf numFmtId="0" fontId="47" fillId="12" borderId="66" xfId="0" applyFont="1" applyFill="1" applyBorder="1" applyAlignment="1">
      <alignment horizontal="left" vertical="center"/>
    </xf>
    <xf numFmtId="0" fontId="47" fillId="12" borderId="100" xfId="0" applyFont="1" applyFill="1" applyBorder="1" applyAlignment="1">
      <alignment horizontal="left" vertical="center"/>
    </xf>
    <xf numFmtId="0" fontId="47" fillId="12" borderId="101" xfId="0" applyFont="1" applyFill="1" applyBorder="1" applyAlignment="1">
      <alignment horizontal="left" vertical="center"/>
    </xf>
    <xf numFmtId="0" fontId="47" fillId="12" borderId="95" xfId="0" applyFont="1" applyFill="1" applyBorder="1" applyAlignment="1">
      <alignment horizontal="center" vertical="center" wrapText="1"/>
    </xf>
    <xf numFmtId="0" fontId="47" fillId="12" borderId="102" xfId="0" applyFont="1" applyFill="1" applyBorder="1" applyAlignment="1">
      <alignment horizontal="center" vertical="center" wrapText="1"/>
    </xf>
    <xf numFmtId="0" fontId="47" fillId="12" borderId="96" xfId="0" applyFont="1" applyFill="1" applyBorder="1" applyAlignment="1">
      <alignment horizontal="center" vertical="center" wrapText="1"/>
    </xf>
    <xf numFmtId="0" fontId="47" fillId="22" borderId="95" xfId="0" applyFont="1" applyFill="1" applyBorder="1" applyAlignment="1">
      <alignment horizontal="center" vertical="center" wrapText="1"/>
    </xf>
    <xf numFmtId="0" fontId="47" fillId="22" borderId="102" xfId="0" applyFont="1" applyFill="1" applyBorder="1" applyAlignment="1">
      <alignment horizontal="center" vertical="center" wrapText="1"/>
    </xf>
    <xf numFmtId="0" fontId="47" fillId="22" borderId="96" xfId="0" applyFont="1" applyFill="1" applyBorder="1" applyAlignment="1">
      <alignment horizontal="center" vertical="center" wrapText="1"/>
    </xf>
    <xf numFmtId="0" fontId="47" fillId="22" borderId="93" xfId="0" applyFont="1" applyFill="1" applyBorder="1" applyAlignment="1">
      <alignment horizontal="center" vertical="center" wrapText="1"/>
    </xf>
    <xf numFmtId="0" fontId="47" fillId="22" borderId="93" xfId="0" applyFont="1" applyFill="1" applyBorder="1" applyAlignment="1">
      <alignment horizontal="left" vertical="center" wrapText="1"/>
    </xf>
    <xf numFmtId="0" fontId="47" fillId="22" borderId="98" xfId="0" applyFont="1" applyFill="1" applyBorder="1" applyAlignment="1">
      <alignment horizontal="left" vertical="center" wrapText="1"/>
    </xf>
    <xf numFmtId="0" fontId="47" fillId="12" borderId="93" xfId="0" applyFont="1" applyFill="1" applyBorder="1" applyAlignment="1">
      <alignment horizontal="center" vertical="center" wrapText="1"/>
    </xf>
    <xf numFmtId="0" fontId="47" fillId="12" borderId="93" xfId="0" applyFont="1" applyFill="1" applyBorder="1" applyAlignment="1">
      <alignment horizontal="left" vertical="center" wrapText="1"/>
    </xf>
    <xf numFmtId="0" fontId="47" fillId="12" borderId="98" xfId="0" applyFont="1" applyFill="1" applyBorder="1" applyAlignment="1">
      <alignment horizontal="left" vertical="center" wrapText="1"/>
    </xf>
    <xf numFmtId="0" fontId="43" fillId="34" borderId="62" xfId="0" applyFont="1" applyFill="1" applyBorder="1" applyAlignment="1">
      <alignment horizontal="center" vertical="center" textRotation="255"/>
    </xf>
    <xf numFmtId="0" fontId="43" fillId="34" borderId="12" xfId="0" applyFont="1" applyFill="1" applyBorder="1" applyAlignment="1">
      <alignment horizontal="center" vertical="center" textRotation="255"/>
    </xf>
    <xf numFmtId="0" fontId="43" fillId="34" borderId="14" xfId="0" applyFont="1" applyFill="1" applyBorder="1" applyAlignment="1">
      <alignment horizontal="center" vertical="center" textRotation="255"/>
    </xf>
    <xf numFmtId="0" fontId="43" fillId="34" borderId="18" xfId="0" applyFont="1" applyFill="1" applyBorder="1" applyAlignment="1">
      <alignment horizontal="left" vertical="center" shrinkToFit="1"/>
    </xf>
    <xf numFmtId="0" fontId="19" fillId="34" borderId="23" xfId="0" applyFont="1" applyFill="1" applyBorder="1" applyAlignment="1">
      <alignment horizontal="left" vertical="center" shrinkToFit="1"/>
    </xf>
    <xf numFmtId="0" fontId="19" fillId="34" borderId="30" xfId="0" applyFont="1" applyFill="1" applyBorder="1" applyAlignment="1">
      <alignment horizontal="left" vertical="center" shrinkToFit="1"/>
    </xf>
    <xf numFmtId="0" fontId="6" fillId="34" borderId="51" xfId="0" applyFont="1" applyFill="1" applyBorder="1" applyAlignment="1">
      <alignment horizontal="center" vertical="center" wrapText="1"/>
    </xf>
    <xf numFmtId="0" fontId="6" fillId="34" borderId="16" xfId="0" applyFont="1" applyFill="1" applyBorder="1" applyAlignment="1">
      <alignment horizontal="center" vertical="center" wrapText="1"/>
    </xf>
    <xf numFmtId="0" fontId="6" fillId="34" borderId="17" xfId="0" applyFont="1" applyFill="1" applyBorder="1" applyAlignment="1">
      <alignment horizontal="center" vertical="center" wrapText="1"/>
    </xf>
    <xf numFmtId="0" fontId="47" fillId="34" borderId="15" xfId="0" applyFont="1" applyFill="1" applyBorder="1" applyAlignment="1">
      <alignment horizontal="center" vertical="center" wrapText="1"/>
    </xf>
    <xf numFmtId="0" fontId="47" fillId="34" borderId="16" xfId="0" applyFont="1" applyFill="1" applyBorder="1" applyAlignment="1">
      <alignment horizontal="center" vertical="center" wrapText="1"/>
    </xf>
    <xf numFmtId="0" fontId="47" fillId="34" borderId="17" xfId="0" applyFont="1" applyFill="1" applyBorder="1" applyAlignment="1">
      <alignment horizontal="center" vertical="center" wrapText="1"/>
    </xf>
    <xf numFmtId="0" fontId="45" fillId="34" borderId="51" xfId="0" applyFont="1" applyFill="1" applyBorder="1" applyAlignment="1">
      <alignment horizontal="center" vertical="center" wrapText="1"/>
    </xf>
    <xf numFmtId="0" fontId="45" fillId="34" borderId="16" xfId="0" applyFont="1" applyFill="1" applyBorder="1" applyAlignment="1">
      <alignment horizontal="center" vertical="center" wrapText="1"/>
    </xf>
    <xf numFmtId="0" fontId="45" fillId="34" borderId="17" xfId="0" applyFont="1" applyFill="1" applyBorder="1" applyAlignment="1">
      <alignment horizontal="center" vertical="center" wrapText="1"/>
    </xf>
    <xf numFmtId="0" fontId="47" fillId="34" borderId="90" xfId="0" applyFont="1" applyFill="1" applyBorder="1" applyAlignment="1">
      <alignment horizontal="center" vertical="center" wrapText="1"/>
    </xf>
    <xf numFmtId="0" fontId="47" fillId="34" borderId="27" xfId="0" applyFont="1" applyFill="1" applyBorder="1" applyAlignment="1">
      <alignment horizontal="center" vertical="center" wrapText="1"/>
    </xf>
    <xf numFmtId="0" fontId="47" fillId="34" borderId="29" xfId="0" applyFont="1" applyFill="1" applyBorder="1" applyAlignment="1">
      <alignment horizontal="center" vertical="center" wrapText="1"/>
    </xf>
    <xf numFmtId="0" fontId="47" fillId="34" borderId="60" xfId="0" applyFont="1" applyFill="1" applyBorder="1" applyAlignment="1">
      <alignment horizontal="center" vertical="center" wrapText="1"/>
    </xf>
    <xf numFmtId="0" fontId="47" fillId="34" borderId="96" xfId="0" applyFont="1" applyFill="1" applyBorder="1" applyAlignment="1">
      <alignment horizontal="center" vertical="center" wrapText="1"/>
    </xf>
    <xf numFmtId="0" fontId="45" fillId="34" borderId="40" xfId="0" applyFont="1" applyFill="1" applyBorder="1" applyAlignment="1">
      <alignment horizontal="center" vertical="center" wrapText="1"/>
    </xf>
    <xf numFmtId="0" fontId="45" fillId="34" borderId="39" xfId="0" applyFont="1" applyFill="1" applyBorder="1" applyAlignment="1">
      <alignment horizontal="center" vertical="center" wrapText="1"/>
    </xf>
    <xf numFmtId="0" fontId="45" fillId="34" borderId="92" xfId="0" applyFont="1" applyFill="1" applyBorder="1" applyAlignment="1">
      <alignment horizontal="center" vertical="center" wrapText="1"/>
    </xf>
    <xf numFmtId="0" fontId="47" fillId="34" borderId="97" xfId="0" applyFont="1" applyFill="1" applyBorder="1" applyAlignment="1">
      <alignment horizontal="center" vertical="center" wrapText="1"/>
    </xf>
    <xf numFmtId="0" fontId="47" fillId="34" borderId="39" xfId="0" applyFont="1" applyFill="1" applyBorder="1" applyAlignment="1">
      <alignment horizontal="center" vertical="center" wrapText="1"/>
    </xf>
    <xf numFmtId="0" fontId="47" fillId="34" borderId="92" xfId="0" applyFont="1" applyFill="1" applyBorder="1" applyAlignment="1">
      <alignment horizontal="center" vertical="center" wrapText="1"/>
    </xf>
    <xf numFmtId="0" fontId="47" fillId="34" borderId="93" xfId="0" applyFont="1" applyFill="1" applyBorder="1" applyAlignment="1">
      <alignment horizontal="center" vertical="center" wrapText="1"/>
    </xf>
    <xf numFmtId="0" fontId="47" fillId="34" borderId="98" xfId="0" applyFont="1" applyFill="1" applyBorder="1" applyAlignment="1">
      <alignment horizontal="center" vertical="center" wrapText="1"/>
    </xf>
    <xf numFmtId="0" fontId="54" fillId="34" borderId="0" xfId="0" applyFont="1" applyFill="1" applyAlignment="1">
      <alignment horizontal="center"/>
    </xf>
    <xf numFmtId="0" fontId="45" fillId="0" borderId="51" xfId="0" applyFont="1" applyBorder="1" applyAlignment="1">
      <alignment horizontal="center" vertical="center" wrapText="1"/>
    </xf>
    <xf numFmtId="0" fontId="45" fillId="0" borderId="16" xfId="0" applyFont="1" applyBorder="1" applyAlignment="1">
      <alignment horizontal="center" vertical="center" wrapText="1"/>
    </xf>
    <xf numFmtId="0" fontId="45" fillId="0" borderId="17" xfId="0" applyFont="1" applyBorder="1" applyAlignment="1">
      <alignment horizontal="center" vertical="center" wrapText="1"/>
    </xf>
    <xf numFmtId="0" fontId="47" fillId="0" borderId="15" xfId="0" applyFont="1" applyBorder="1" applyAlignment="1">
      <alignment horizontal="center" vertical="center" wrapText="1"/>
    </xf>
    <xf numFmtId="0" fontId="47" fillId="0" borderId="16" xfId="0" applyFont="1" applyBorder="1" applyAlignment="1">
      <alignment horizontal="center" vertical="center" wrapText="1"/>
    </xf>
    <xf numFmtId="0" fontId="47" fillId="0" borderId="17" xfId="0" applyFont="1" applyBorder="1" applyAlignment="1">
      <alignment horizontal="center" vertical="center" wrapText="1"/>
    </xf>
    <xf numFmtId="0" fontId="47" fillId="0" borderId="60" xfId="0" applyFont="1" applyBorder="1" applyAlignment="1">
      <alignment horizontal="center" vertical="center" wrapText="1"/>
    </xf>
    <xf numFmtId="0" fontId="47" fillId="0" borderId="96" xfId="0" applyFont="1" applyBorder="1" applyAlignment="1">
      <alignment horizontal="center" vertical="center" wrapText="1"/>
    </xf>
    <xf numFmtId="0" fontId="47" fillId="0" borderId="90" xfId="0" applyFont="1" applyBorder="1" applyAlignment="1">
      <alignment horizontal="center" vertical="center" wrapText="1"/>
    </xf>
    <xf numFmtId="0" fontId="47" fillId="0" borderId="27" xfId="0" applyFont="1" applyBorder="1" applyAlignment="1">
      <alignment horizontal="center" vertical="center" wrapText="1"/>
    </xf>
    <xf numFmtId="0" fontId="47" fillId="0" borderId="29" xfId="0" applyFont="1" applyBorder="1" applyAlignment="1">
      <alignment horizontal="center" vertical="center" wrapText="1"/>
    </xf>
    <xf numFmtId="0" fontId="6" fillId="0" borderId="51" xfId="0" applyFont="1" applyBorder="1" applyAlignment="1">
      <alignment horizontal="center" vertical="center" wrapText="1"/>
    </xf>
    <xf numFmtId="0" fontId="6" fillId="0" borderId="16" xfId="0" applyFont="1" applyBorder="1" applyAlignment="1">
      <alignment horizontal="center" vertical="center" wrapText="1"/>
    </xf>
    <xf numFmtId="0" fontId="6" fillId="0" borderId="17" xfId="0" applyFont="1" applyBorder="1" applyAlignment="1">
      <alignment horizontal="center" vertical="center" wrapText="1"/>
    </xf>
    <xf numFmtId="0" fontId="47" fillId="34" borderId="0" xfId="0" applyFont="1" applyFill="1" applyBorder="1" applyAlignment="1" applyProtection="1">
      <alignment horizontal="left" vertical="center" wrapText="1"/>
    </xf>
    <xf numFmtId="0" fontId="54" fillId="34" borderId="62" xfId="0" applyFont="1" applyFill="1" applyBorder="1" applyAlignment="1">
      <alignment horizontal="center" vertical="center" textRotation="255"/>
    </xf>
    <xf numFmtId="0" fontId="54" fillId="34" borderId="12" xfId="0" applyFont="1" applyFill="1" applyBorder="1" applyAlignment="1">
      <alignment horizontal="center" vertical="center" textRotation="255"/>
    </xf>
    <xf numFmtId="0" fontId="57" fillId="34" borderId="12" xfId="0" applyFont="1" applyFill="1" applyBorder="1" applyAlignment="1">
      <alignment horizontal="center" vertical="center" textRotation="255"/>
    </xf>
    <xf numFmtId="0" fontId="57" fillId="34" borderId="14" xfId="0" applyFont="1" applyFill="1" applyBorder="1" applyAlignment="1">
      <alignment horizontal="center" vertical="center" textRotation="255"/>
    </xf>
    <xf numFmtId="0" fontId="54" fillId="34" borderId="13" xfId="0" applyFont="1" applyFill="1" applyBorder="1" applyAlignment="1">
      <alignment horizontal="left" vertical="top" wrapText="1" shrinkToFit="1"/>
    </xf>
    <xf numFmtId="0" fontId="57" fillId="34" borderId="7" xfId="0" applyFont="1" applyFill="1" applyBorder="1" applyAlignment="1">
      <alignment horizontal="left" vertical="top" shrinkToFit="1"/>
    </xf>
    <xf numFmtId="0" fontId="57" fillId="34" borderId="8" xfId="0" applyFont="1" applyFill="1" applyBorder="1" applyAlignment="1">
      <alignment horizontal="left" vertical="top" shrinkToFit="1"/>
    </xf>
    <xf numFmtId="0" fontId="57" fillId="34" borderId="4" xfId="0" applyFont="1" applyFill="1" applyBorder="1" applyAlignment="1">
      <alignment horizontal="left" vertical="top" shrinkToFit="1"/>
    </xf>
    <xf numFmtId="0" fontId="57" fillId="34" borderId="0" xfId="0" applyFont="1" applyFill="1" applyAlignment="1">
      <alignment horizontal="left" vertical="top" shrinkToFit="1"/>
    </xf>
    <xf numFmtId="0" fontId="57" fillId="34" borderId="5" xfId="0" applyFont="1" applyFill="1" applyBorder="1" applyAlignment="1">
      <alignment horizontal="left" vertical="top" shrinkToFit="1"/>
    </xf>
    <xf numFmtId="0" fontId="57" fillId="34" borderId="6" xfId="0" applyFont="1" applyFill="1" applyBorder="1" applyAlignment="1">
      <alignment horizontal="left" vertical="top" shrinkToFit="1"/>
    </xf>
    <xf numFmtId="0" fontId="57" fillId="34" borderId="3" xfId="0" applyFont="1" applyFill="1" applyBorder="1" applyAlignment="1">
      <alignment horizontal="left" vertical="top" shrinkToFit="1"/>
    </xf>
    <xf numFmtId="0" fontId="57" fillId="34" borderId="9" xfId="0" applyFont="1" applyFill="1" applyBorder="1" applyAlignment="1">
      <alignment horizontal="left" vertical="top" shrinkToFit="1"/>
    </xf>
    <xf numFmtId="0" fontId="11" fillId="0" borderId="0" xfId="0" applyFont="1" applyFill="1" applyBorder="1" applyAlignment="1" applyProtection="1">
      <alignment horizontal="left" vertical="center" wrapText="1"/>
    </xf>
    <xf numFmtId="0" fontId="19" fillId="0" borderId="3" xfId="0" applyFont="1" applyBorder="1" applyAlignment="1">
      <alignment horizontal="right" wrapText="1"/>
    </xf>
    <xf numFmtId="0" fontId="19" fillId="0" borderId="0" xfId="0" applyFont="1" applyBorder="1" applyAlignment="1">
      <alignment horizontal="justify" vertical="center" wrapText="1"/>
    </xf>
    <xf numFmtId="0" fontId="19" fillId="0" borderId="0" xfId="0" applyFont="1" applyBorder="1" applyAlignment="1">
      <alignment horizontal="left" vertical="center" wrapText="1"/>
    </xf>
    <xf numFmtId="0" fontId="19" fillId="0" borderId="0" xfId="0" applyFont="1" applyBorder="1" applyAlignment="1">
      <alignment horizontal="center" vertical="center" wrapText="1"/>
    </xf>
    <xf numFmtId="0" fontId="23" fillId="0" borderId="0" xfId="0" applyFont="1" applyBorder="1" applyAlignment="1">
      <alignment horizontal="justify" vertical="center" wrapText="1"/>
    </xf>
    <xf numFmtId="0" fontId="23" fillId="0" borderId="0" xfId="0" applyFont="1" applyBorder="1" applyAlignment="1">
      <alignment horizontal="center" vertical="center" wrapText="1"/>
    </xf>
    <xf numFmtId="0" fontId="3" fillId="0" borderId="3" xfId="0" applyFont="1" applyBorder="1" applyAlignment="1">
      <alignment horizontal="left" vertical="center" wrapText="1"/>
    </xf>
    <xf numFmtId="0" fontId="3" fillId="0" borderId="5" xfId="0" applyFont="1" applyBorder="1" applyAlignment="1">
      <alignment horizontal="center" vertical="center" wrapText="1"/>
    </xf>
    <xf numFmtId="0" fontId="3" fillId="0" borderId="105" xfId="0" applyFont="1" applyBorder="1" applyAlignment="1">
      <alignment horizontal="center" vertical="center" wrapText="1"/>
    </xf>
    <xf numFmtId="0" fontId="3" fillId="0" borderId="106" xfId="0" applyFont="1" applyBorder="1" applyAlignment="1">
      <alignment horizontal="center" vertical="center" wrapText="1"/>
    </xf>
    <xf numFmtId="0" fontId="3" fillId="0" borderId="107" xfId="0" applyFont="1" applyBorder="1" applyAlignment="1">
      <alignment horizontal="center" vertical="center" wrapText="1"/>
    </xf>
    <xf numFmtId="0" fontId="7" fillId="37" borderId="26" xfId="0" applyFont="1" applyFill="1" applyBorder="1" applyAlignment="1">
      <alignment horizontal="left" vertical="center" wrapText="1"/>
    </xf>
    <xf numFmtId="0" fontId="7" fillId="37" borderId="25" xfId="0" applyFont="1" applyFill="1" applyBorder="1" applyAlignment="1">
      <alignment horizontal="left" vertical="center" wrapText="1"/>
    </xf>
    <xf numFmtId="0" fontId="7" fillId="37" borderId="63" xfId="0" applyFont="1" applyFill="1" applyBorder="1" applyAlignment="1">
      <alignment horizontal="left" vertical="center" wrapText="1"/>
    </xf>
    <xf numFmtId="0" fontId="7" fillId="37" borderId="64" xfId="0" applyFont="1" applyFill="1" applyBorder="1" applyAlignment="1">
      <alignment horizontal="left" vertical="center" wrapText="1"/>
    </xf>
    <xf numFmtId="0" fontId="7" fillId="37" borderId="60" xfId="0" applyFont="1" applyFill="1" applyBorder="1" applyAlignment="1">
      <alignment horizontal="left" vertical="center" wrapText="1"/>
    </xf>
    <xf numFmtId="0" fontId="7" fillId="37" borderId="15" xfId="0" applyFont="1" applyFill="1" applyBorder="1" applyAlignment="1">
      <alignment horizontal="left" vertical="center" wrapText="1"/>
    </xf>
    <xf numFmtId="0" fontId="7" fillId="37" borderId="16" xfId="0" applyFont="1" applyFill="1" applyBorder="1" applyAlignment="1">
      <alignment horizontal="left" vertical="center" wrapText="1"/>
    </xf>
    <xf numFmtId="0" fontId="7" fillId="37" borderId="18" xfId="0" applyFont="1" applyFill="1" applyBorder="1" applyAlignment="1">
      <alignment horizontal="left" vertical="center" wrapText="1"/>
    </xf>
    <xf numFmtId="0" fontId="6" fillId="37" borderId="60" xfId="0" applyFont="1" applyFill="1" applyBorder="1" applyAlignment="1">
      <alignment horizontal="justify" vertical="center" wrapText="1"/>
    </xf>
    <xf numFmtId="0" fontId="6" fillId="37" borderId="15" xfId="0" applyFont="1" applyFill="1" applyBorder="1" applyAlignment="1">
      <alignment horizontal="justify" vertical="center" wrapText="1"/>
    </xf>
    <xf numFmtId="0" fontId="5" fillId="37" borderId="17" xfId="0" applyFont="1" applyFill="1" applyBorder="1" applyAlignment="1">
      <alignment horizontal="center" wrapText="1"/>
    </xf>
    <xf numFmtId="0" fontId="5" fillId="37" borderId="60" xfId="0" applyFont="1" applyFill="1" applyBorder="1" applyAlignment="1">
      <alignment horizontal="center" wrapText="1"/>
    </xf>
    <xf numFmtId="0" fontId="5" fillId="37" borderId="96" xfId="0" applyFont="1" applyFill="1" applyBorder="1" applyAlignment="1">
      <alignment horizontal="center" wrapText="1"/>
    </xf>
    <xf numFmtId="0" fontId="7" fillId="37" borderId="28" xfId="0" applyFont="1" applyFill="1" applyBorder="1" applyAlignment="1">
      <alignment horizontal="left" vertical="center" wrapText="1"/>
    </xf>
    <xf numFmtId="0" fontId="7" fillId="37" borderId="2" xfId="0" applyFont="1" applyFill="1" applyBorder="1" applyAlignment="1">
      <alignment horizontal="left" vertical="center" wrapText="1"/>
    </xf>
    <xf numFmtId="0" fontId="7" fillId="37" borderId="31" xfId="0" applyFont="1" applyFill="1" applyBorder="1" applyAlignment="1">
      <alignment horizontal="left" vertical="center" wrapText="1"/>
    </xf>
    <xf numFmtId="0" fontId="6" fillId="37" borderId="108" xfId="0" applyFont="1" applyFill="1" applyBorder="1" applyAlignment="1">
      <alignment horizontal="left" vertical="center" wrapText="1"/>
    </xf>
    <xf numFmtId="0" fontId="3" fillId="37" borderId="71" xfId="0" applyFont="1" applyFill="1" applyBorder="1" applyAlignment="1">
      <alignment horizontal="center" wrapText="1"/>
    </xf>
    <xf numFmtId="0" fontId="3" fillId="37" borderId="72" xfId="0" applyFont="1" applyFill="1" applyBorder="1" applyAlignment="1">
      <alignment horizontal="center" wrapText="1"/>
    </xf>
    <xf numFmtId="0" fontId="3" fillId="37" borderId="108" xfId="0" applyFont="1" applyFill="1" applyBorder="1" applyAlignment="1">
      <alignment horizontal="center" wrapText="1"/>
    </xf>
    <xf numFmtId="0" fontId="3" fillId="37" borderId="73" xfId="0" applyFont="1" applyFill="1" applyBorder="1" applyAlignment="1">
      <alignment horizontal="center" wrapText="1"/>
    </xf>
    <xf numFmtId="0" fontId="3" fillId="0" borderId="103" xfId="0" applyFont="1" applyBorder="1" applyAlignment="1">
      <alignment horizontal="center" vertical="center" wrapText="1"/>
    </xf>
    <xf numFmtId="0" fontId="3" fillId="0" borderId="11" xfId="0" applyFont="1" applyBorder="1" applyAlignment="1">
      <alignment horizontal="center" vertical="center" wrapText="1"/>
    </xf>
    <xf numFmtId="0" fontId="3" fillId="0" borderId="99" xfId="0" applyFont="1" applyBorder="1" applyAlignment="1">
      <alignment horizontal="center" vertical="center" wrapText="1"/>
    </xf>
    <xf numFmtId="0" fontId="6" fillId="37" borderId="26" xfId="0" applyFont="1" applyFill="1" applyBorder="1" applyAlignment="1">
      <alignment horizontal="justify" vertical="center" wrapText="1"/>
    </xf>
    <xf numFmtId="0" fontId="6" fillId="37" borderId="25" xfId="0" applyFont="1" applyFill="1" applyBorder="1" applyAlignment="1">
      <alignment horizontal="justify" vertical="center" wrapText="1"/>
    </xf>
    <xf numFmtId="0" fontId="5" fillId="37" borderId="25" xfId="0" applyFont="1" applyFill="1" applyBorder="1" applyAlignment="1">
      <alignment horizontal="center" wrapText="1"/>
    </xf>
    <xf numFmtId="0" fontId="5" fillId="37" borderId="64" xfId="0" applyFont="1" applyFill="1" applyBorder="1" applyAlignment="1">
      <alignment horizontal="center" wrapText="1"/>
    </xf>
    <xf numFmtId="0" fontId="5" fillId="37" borderId="2" xfId="0" applyFont="1" applyFill="1" applyBorder="1" applyAlignment="1">
      <alignment horizontal="center" wrapText="1"/>
    </xf>
    <xf numFmtId="0" fontId="5" fillId="37" borderId="31" xfId="0" applyFont="1" applyFill="1" applyBorder="1" applyAlignment="1">
      <alignment horizontal="center" wrapText="1"/>
    </xf>
    <xf numFmtId="0" fontId="6" fillId="37" borderId="108" xfId="0" applyFont="1" applyFill="1" applyBorder="1" applyAlignment="1">
      <alignment horizontal="justify" vertical="center" wrapText="1"/>
    </xf>
    <xf numFmtId="0" fontId="6" fillId="37" borderId="61" xfId="0" applyFont="1" applyFill="1" applyBorder="1" applyAlignment="1">
      <alignment horizontal="justify" vertical="center" wrapText="1"/>
    </xf>
    <xf numFmtId="0" fontId="3" fillId="37" borderId="61" xfId="0" applyFont="1" applyFill="1" applyBorder="1" applyAlignment="1">
      <alignment horizontal="center" vertical="center" wrapText="1"/>
    </xf>
    <xf numFmtId="0" fontId="3" fillId="37" borderId="109" xfId="0" applyFont="1" applyFill="1" applyBorder="1" applyAlignment="1">
      <alignment horizontal="center" vertical="center" wrapText="1"/>
    </xf>
    <xf numFmtId="0" fontId="3" fillId="0" borderId="60" xfId="0" applyFont="1" applyBorder="1" applyAlignment="1">
      <alignment horizontal="center" vertical="center" wrapText="1"/>
    </xf>
    <xf numFmtId="0" fontId="3" fillId="0" borderId="60" xfId="0" applyFont="1" applyBorder="1" applyAlignment="1">
      <alignment horizontal="left" vertical="center" wrapText="1"/>
    </xf>
    <xf numFmtId="0" fontId="3" fillId="0" borderId="96" xfId="0" applyFont="1" applyBorder="1" applyAlignment="1">
      <alignment horizontal="left" vertical="center" wrapText="1"/>
    </xf>
    <xf numFmtId="0" fontId="3" fillId="0" borderId="4" xfId="0" applyFont="1" applyBorder="1" applyAlignment="1">
      <alignment horizontal="center" vertical="center" wrapText="1"/>
    </xf>
    <xf numFmtId="0" fontId="3" fillId="0" borderId="110" xfId="0" applyFont="1" applyBorder="1" applyAlignment="1">
      <alignment horizontal="center" vertical="center" wrapText="1"/>
    </xf>
    <xf numFmtId="0" fontId="3" fillId="0" borderId="7" xfId="0" applyFont="1" applyBorder="1" applyAlignment="1">
      <alignment horizontal="center" vertical="center" wrapText="1"/>
    </xf>
    <xf numFmtId="0" fontId="3" fillId="0" borderId="111" xfId="0" applyFont="1" applyBorder="1" applyAlignment="1">
      <alignment horizontal="center" vertical="center" wrapText="1"/>
    </xf>
    <xf numFmtId="0" fontId="3" fillId="0" borderId="22" xfId="0" applyFont="1" applyBorder="1" applyAlignment="1">
      <alignment horizontal="center" vertical="center" wrapText="1"/>
    </xf>
    <xf numFmtId="0" fontId="3" fillId="0" borderId="23" xfId="0" applyFont="1" applyBorder="1" applyAlignment="1">
      <alignment horizontal="center" vertical="center" wrapText="1"/>
    </xf>
    <xf numFmtId="0" fontId="3" fillId="0" borderId="10" xfId="0" applyFont="1" applyBorder="1" applyAlignment="1">
      <alignment horizontal="center" vertical="center" wrapText="1"/>
    </xf>
    <xf numFmtId="0" fontId="7" fillId="34" borderId="59" xfId="0" applyFont="1" applyFill="1" applyBorder="1" applyAlignment="1">
      <alignment horizontal="left" vertical="center" wrapText="1"/>
    </xf>
    <xf numFmtId="0" fontId="7" fillId="34" borderId="56" xfId="0" applyFont="1" applyFill="1" applyBorder="1" applyAlignment="1">
      <alignment horizontal="left" vertical="center" wrapText="1"/>
    </xf>
    <xf numFmtId="0" fontId="7" fillId="34" borderId="57" xfId="0" applyFont="1" applyFill="1" applyBorder="1" applyAlignment="1">
      <alignment horizontal="left" vertical="center" wrapText="1"/>
    </xf>
    <xf numFmtId="0" fontId="3" fillId="34" borderId="1" xfId="0" applyFont="1" applyFill="1" applyBorder="1" applyAlignment="1">
      <alignment horizontal="center" wrapText="1"/>
    </xf>
    <xf numFmtId="0" fontId="3" fillId="34" borderId="79" xfId="0" applyFont="1" applyFill="1" applyBorder="1" applyAlignment="1">
      <alignment horizontal="center" wrapText="1"/>
    </xf>
    <xf numFmtId="0" fontId="10" fillId="0" borderId="90" xfId="0" applyFont="1" applyBorder="1" applyAlignment="1">
      <alignment horizontal="center" vertical="center" wrapText="1"/>
    </xf>
    <xf numFmtId="0" fontId="10" fillId="0" borderId="27" xfId="0" applyFont="1" applyBorder="1" applyAlignment="1">
      <alignment horizontal="center" vertical="center" wrapText="1"/>
    </xf>
    <xf numFmtId="0" fontId="10" fillId="0" borderId="20" xfId="0" applyFont="1" applyBorder="1" applyAlignment="1">
      <alignment horizontal="center" vertical="center" wrapText="1"/>
    </xf>
    <xf numFmtId="0" fontId="3" fillId="34" borderId="91" xfId="0" applyFont="1" applyFill="1" applyBorder="1" applyAlignment="1">
      <alignment horizontal="left" vertical="center" wrapText="1"/>
    </xf>
    <xf numFmtId="0" fontId="3" fillId="34" borderId="112" xfId="0" applyFont="1" applyFill="1" applyBorder="1" applyAlignment="1">
      <alignment horizontal="left" vertical="center" wrapText="1"/>
    </xf>
    <xf numFmtId="0" fontId="9" fillId="0" borderId="0" xfId="0" applyFont="1" applyBorder="1" applyAlignment="1">
      <alignment horizontal="justify" vertical="top" wrapText="1"/>
    </xf>
    <xf numFmtId="0" fontId="7" fillId="0" borderId="0" xfId="0" applyFont="1" applyBorder="1" applyAlignment="1">
      <alignment horizontal="justify" vertical="center" wrapText="1"/>
    </xf>
    <xf numFmtId="0" fontId="45" fillId="0" borderId="13" xfId="0" applyFont="1" applyBorder="1" applyAlignment="1">
      <alignment horizontal="center" vertical="center" wrapText="1"/>
    </xf>
    <xf numFmtId="0" fontId="45" fillId="0" borderId="7" xfId="0" applyFont="1" applyBorder="1" applyAlignment="1">
      <alignment horizontal="center" vertical="center" wrapText="1"/>
    </xf>
    <xf numFmtId="0" fontId="45" fillId="0" borderId="111" xfId="0" applyFont="1" applyBorder="1" applyAlignment="1">
      <alignment horizontal="center" vertical="center" wrapText="1"/>
    </xf>
    <xf numFmtId="0" fontId="45" fillId="0" borderId="4" xfId="0" applyFont="1" applyBorder="1" applyAlignment="1">
      <alignment horizontal="center" vertical="center" wrapText="1"/>
    </xf>
    <xf numFmtId="0" fontId="45" fillId="0" borderId="0" xfId="0" applyFont="1" applyBorder="1" applyAlignment="1">
      <alignment horizontal="center" vertical="center" wrapText="1"/>
    </xf>
    <xf numFmtId="0" fontId="45" fillId="0" borderId="19" xfId="0" applyFont="1" applyBorder="1" applyAlignment="1">
      <alignment horizontal="center" vertical="center" wrapText="1"/>
    </xf>
    <xf numFmtId="0" fontId="45" fillId="0" borderId="6" xfId="0" applyFont="1" applyBorder="1" applyAlignment="1">
      <alignment horizontal="center" vertical="center" wrapText="1"/>
    </xf>
    <xf numFmtId="0" fontId="45" fillId="0" borderId="3" xfId="0" applyFont="1" applyBorder="1" applyAlignment="1">
      <alignment horizontal="center" vertical="center" wrapText="1"/>
    </xf>
    <xf numFmtId="0" fontId="45" fillId="0" borderId="88" xfId="0" applyFont="1" applyBorder="1" applyAlignment="1">
      <alignment horizontal="center" vertical="center" wrapText="1"/>
    </xf>
    <xf numFmtId="0" fontId="51" fillId="0" borderId="0" xfId="0" applyFont="1" applyFill="1" applyBorder="1" applyAlignment="1" applyProtection="1">
      <alignment horizontal="left" vertical="top" wrapText="1"/>
    </xf>
    <xf numFmtId="0" fontId="51" fillId="0" borderId="3" xfId="0" applyFont="1" applyFill="1" applyBorder="1" applyAlignment="1" applyProtection="1">
      <alignment horizontal="left" vertical="top" wrapText="1"/>
    </xf>
    <xf numFmtId="0" fontId="3" fillId="0" borderId="21" xfId="0" applyFont="1" applyBorder="1" applyAlignment="1">
      <alignment horizontal="center" vertical="center" wrapText="1"/>
    </xf>
    <xf numFmtId="0" fontId="3" fillId="0" borderId="0" xfId="0" applyFont="1" applyBorder="1" applyAlignment="1">
      <alignment horizontal="center" vertical="center" wrapText="1"/>
    </xf>
    <xf numFmtId="0" fontId="3" fillId="0" borderId="19" xfId="0" applyFont="1" applyBorder="1" applyAlignment="1">
      <alignment horizontal="center" vertical="center" wrapText="1"/>
    </xf>
    <xf numFmtId="0" fontId="3" fillId="0" borderId="118" xfId="0" applyFont="1" applyBorder="1" applyAlignment="1">
      <alignment horizontal="left" vertical="center" wrapText="1"/>
    </xf>
    <xf numFmtId="0" fontId="3" fillId="0" borderId="119" xfId="0" applyFont="1" applyBorder="1" applyAlignment="1">
      <alignment horizontal="left" vertical="center" wrapText="1"/>
    </xf>
    <xf numFmtId="0" fontId="3" fillId="0" borderId="120" xfId="0" applyFont="1" applyBorder="1" applyAlignment="1">
      <alignment horizontal="left" vertical="center" wrapText="1"/>
    </xf>
    <xf numFmtId="0" fontId="3" fillId="3" borderId="62" xfId="0" applyFont="1" applyFill="1" applyBorder="1" applyAlignment="1">
      <alignment horizontal="center" vertical="center" wrapText="1"/>
    </xf>
    <xf numFmtId="0" fontId="3" fillId="3" borderId="12" xfId="0" applyFont="1" applyFill="1" applyBorder="1" applyAlignment="1">
      <alignment horizontal="center" vertical="center" wrapText="1"/>
    </xf>
    <xf numFmtId="0" fontId="3" fillId="3" borderId="14" xfId="0" applyFont="1" applyFill="1" applyBorder="1" applyAlignment="1">
      <alignment horizontal="center" vertical="center" wrapText="1"/>
    </xf>
    <xf numFmtId="0" fontId="3" fillId="0" borderId="104" xfId="0" applyFont="1" applyBorder="1" applyAlignment="1">
      <alignment horizontal="center" vertical="center" wrapText="1"/>
    </xf>
    <xf numFmtId="0" fontId="3" fillId="0" borderId="121" xfId="0" applyFont="1" applyBorder="1" applyAlignment="1">
      <alignment horizontal="center" vertical="center" wrapText="1"/>
    </xf>
    <xf numFmtId="0" fontId="3" fillId="0" borderId="95" xfId="0" applyFont="1" applyBorder="1" applyAlignment="1">
      <alignment horizontal="center" vertical="center" wrapText="1"/>
    </xf>
    <xf numFmtId="0" fontId="3" fillId="0" borderId="102" xfId="0" applyFont="1" applyBorder="1" applyAlignment="1">
      <alignment horizontal="center" vertical="center" wrapText="1"/>
    </xf>
    <xf numFmtId="0" fontId="3" fillId="0" borderId="96" xfId="0" applyFont="1" applyBorder="1" applyAlignment="1">
      <alignment horizontal="center" vertical="center" wrapText="1"/>
    </xf>
    <xf numFmtId="0" fontId="3" fillId="0" borderId="93" xfId="0" applyFont="1" applyBorder="1" applyAlignment="1">
      <alignment horizontal="center" vertical="center" wrapText="1"/>
    </xf>
    <xf numFmtId="0" fontId="3" fillId="0" borderId="98" xfId="0" applyFont="1" applyBorder="1" applyAlignment="1">
      <alignment horizontal="center" vertical="center" wrapText="1"/>
    </xf>
    <xf numFmtId="0" fontId="3" fillId="0" borderId="13" xfId="0" applyFont="1" applyBorder="1" applyAlignment="1">
      <alignment horizontal="center" vertical="center" wrapText="1"/>
    </xf>
    <xf numFmtId="0" fontId="3" fillId="0" borderId="8" xfId="0" applyFont="1" applyBorder="1" applyAlignment="1">
      <alignment horizontal="center" vertical="center" wrapText="1"/>
    </xf>
    <xf numFmtId="0" fontId="3" fillId="0" borderId="6" xfId="0" applyFont="1" applyBorder="1" applyAlignment="1">
      <alignment horizontal="center" vertical="center" wrapText="1"/>
    </xf>
    <xf numFmtId="0" fontId="3" fillId="0" borderId="3" xfId="0" applyFont="1" applyBorder="1" applyAlignment="1">
      <alignment horizontal="center" vertical="center" wrapText="1"/>
    </xf>
    <xf numFmtId="0" fontId="3" fillId="0" borderId="9" xfId="0" applyFont="1" applyBorder="1" applyAlignment="1">
      <alignment horizontal="center"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9" xfId="0" applyFont="1" applyBorder="1" applyAlignment="1">
      <alignment horizontal="left" vertical="center" wrapText="1"/>
    </xf>
    <xf numFmtId="0" fontId="17" fillId="0" borderId="113" xfId="0" applyFont="1" applyBorder="1" applyAlignment="1">
      <alignment horizontal="left" vertical="center"/>
    </xf>
    <xf numFmtId="0" fontId="17" fillId="0" borderId="114" xfId="0" applyFont="1" applyBorder="1" applyAlignment="1">
      <alignment horizontal="left" vertical="center"/>
    </xf>
    <xf numFmtId="0" fontId="9" fillId="0" borderId="115" xfId="0" applyFont="1" applyBorder="1" applyAlignment="1">
      <alignment horizontal="left" vertical="center" wrapText="1"/>
    </xf>
    <xf numFmtId="0" fontId="9" fillId="0" borderId="56" xfId="0" applyFont="1" applyBorder="1" applyAlignment="1">
      <alignment horizontal="left" vertical="center" wrapText="1"/>
    </xf>
    <xf numFmtId="0" fontId="9" fillId="0" borderId="57" xfId="0" applyFont="1" applyBorder="1" applyAlignment="1">
      <alignment horizontal="left" vertical="center" wrapText="1"/>
    </xf>
    <xf numFmtId="0" fontId="3" fillId="0" borderId="61" xfId="0" applyFont="1" applyBorder="1" applyAlignment="1">
      <alignment horizontal="left" vertical="center" wrapText="1"/>
    </xf>
    <xf numFmtId="0" fontId="3" fillId="0" borderId="116" xfId="0" applyFont="1" applyBorder="1" applyAlignment="1">
      <alignment horizontal="left" vertical="center" wrapText="1"/>
    </xf>
    <xf numFmtId="0" fontId="22" fillId="0" borderId="117" xfId="0" applyFont="1" applyBorder="1" applyAlignment="1">
      <alignment horizontal="left" vertical="center"/>
    </xf>
    <xf numFmtId="0" fontId="22" fillId="0" borderId="61" xfId="0" applyFont="1" applyBorder="1" applyAlignment="1">
      <alignment horizontal="left" vertical="center"/>
    </xf>
    <xf numFmtId="0" fontId="22" fillId="0" borderId="109" xfId="0" applyFont="1" applyBorder="1" applyAlignment="1">
      <alignment horizontal="left" vertical="center"/>
    </xf>
  </cellXfs>
  <cellStyles count="4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良い" xfId="41"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11</xdr:col>
          <xdr:colOff>49314</xdr:colOff>
          <xdr:row>45</xdr:row>
          <xdr:rowOff>220980</xdr:rowOff>
        </xdr:to>
        <xdr:sp macro="" textlink="">
          <xdr:nvSpPr>
            <xdr:cNvPr id="1025" name="Object 1" hidden="1">
              <a:extLst>
                <a:ext uri="{63B3BB69-23CF-44E3-9099-C40C66FF867C}">
                  <a14:compatExt spid="_x0000_s1025"/>
                </a:ext>
                <a:ext uri="{FF2B5EF4-FFF2-40B4-BE49-F238E27FC236}">
                  <a16:creationId xmlns:a16="http://schemas.microsoft.com/office/drawing/2014/main" id="{559D8162-5B16-0E78-DEAA-14E13A37655E}"/>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prstDash val="solid"/>
              <a:miter lim="800000"/>
              <a:headEnd/>
              <a:tailEnd type="none" w="med" len="med"/>
            </a:ln>
            <a:effectLst/>
            <a:extLst>
              <a:ext uri="{AF507438-7753-43E0-B8FC-AC1667EBCBE1}">
                <a14:hiddenEffects>
                  <a:effectLst>
                    <a:outerShdw dist="35921" dir="2700000" algn="ctr" rotWithShape="0">
                      <a:srgbClr val="808080"/>
                    </a:outerShdw>
                  </a:effectLst>
                </a14:hiddenEffects>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10.25.75.248\kyoyu\SVN\&#39135;&#21697;&#34907;&#29983;\trunk\document\002_&#38283;&#30330;&#31995;&#25991;&#26360;\T04_&#22522;&#26412;&#35373;&#35336;\800_&#20013;&#38291;&#25104;&#26524;&#29289;\Q-B75071-42A-1-1_(&#31859;)&#39135;&#32905;&#34907;&#29983;&#35388;&#26126;&#26360;(20150427&#25913;&#2749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ealth Cert."/>
      <sheetName val="Data Sheet"/>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image" Target="../media/image1.emf"/><Relationship Id="rId4" Type="http://schemas.openxmlformats.org/officeDocument/2006/relationships/oleObject" Target="../embeddings/oleObject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CB0034-166A-4FEA-9213-839ADFDBA71A}">
  <sheetPr>
    <tabColor rgb="FFFF0000"/>
  </sheetPr>
  <dimension ref="A1"/>
  <sheetViews>
    <sheetView tabSelected="1" workbookViewId="0">
      <selection activeCell="N10" sqref="N10"/>
    </sheetView>
  </sheetViews>
  <sheetFormatPr defaultRowHeight="18" x14ac:dyDescent="0.45"/>
  <sheetData/>
  <phoneticPr fontId="59"/>
  <pageMargins left="0.7" right="0.7" top="0.75" bottom="0.75" header="0.3" footer="0.3"/>
  <pageSetup paperSize="9" orientation="portrait" r:id="rId1"/>
  <drawing r:id="rId2"/>
  <legacyDrawing r:id="rId3"/>
  <oleObjects>
    <mc:AlternateContent xmlns:mc="http://schemas.openxmlformats.org/markup-compatibility/2006">
      <mc:Choice Requires="x14">
        <oleObject progId="Acrobat Document" shapeId="1025" r:id="rId4">
          <objectPr defaultSize="0" autoPict="0" r:id="rId5">
            <anchor moveWithCells="1">
              <from>
                <xdr:col>0</xdr:col>
                <xdr:colOff>0</xdr:colOff>
                <xdr:row>0</xdr:row>
                <xdr:rowOff>0</xdr:rowOff>
              </from>
              <to>
                <xdr:col>11</xdr:col>
                <xdr:colOff>45720</xdr:colOff>
                <xdr:row>45</xdr:row>
                <xdr:rowOff>220980</xdr:rowOff>
              </to>
            </anchor>
          </objectPr>
        </oleObject>
      </mc:Choice>
      <mc:Fallback>
        <oleObject progId="Acrobat Document" shapeId="1025" r:id="rId4"/>
      </mc:Fallback>
    </mc:AlternateContent>
  </oleObjec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A1:AZ154"/>
  <sheetViews>
    <sheetView view="pageBreakPreview" zoomScale="85" zoomScaleNormal="100" zoomScaleSheetLayoutView="85" workbookViewId="0">
      <selection activeCell="AI12" sqref="AI12"/>
    </sheetView>
  </sheetViews>
  <sheetFormatPr defaultColWidth="9" defaultRowHeight="18" x14ac:dyDescent="0.45"/>
  <cols>
    <col min="1" max="1" width="3.19921875" style="76" customWidth="1"/>
    <col min="2" max="3" width="1.59765625" style="76" customWidth="1"/>
    <col min="4" max="5" width="2.59765625" style="76" customWidth="1"/>
    <col min="6" max="6" width="3.09765625" style="76" customWidth="1"/>
    <col min="7" max="7" width="2.59765625" style="76" customWidth="1"/>
    <col min="8" max="8" width="3.19921875" style="76" customWidth="1"/>
    <col min="9" max="18" width="2.59765625" style="76" customWidth="1"/>
    <col min="19" max="19" width="3.69921875" style="76" customWidth="1"/>
    <col min="20" max="34" width="2.59765625" style="76" customWidth="1"/>
    <col min="35" max="35" width="6.5" style="76" customWidth="1"/>
    <col min="36" max="36" width="8.19921875" style="76" hidden="1" customWidth="1"/>
    <col min="37" max="37" width="11.5" style="76" customWidth="1"/>
    <col min="38" max="38" width="3.3984375" style="76" customWidth="1"/>
    <col min="39" max="45" width="2.59765625" style="76" customWidth="1"/>
    <col min="46" max="47" width="1.59765625" style="76" customWidth="1"/>
    <col min="48" max="48" width="4.59765625" style="76" customWidth="1"/>
    <col min="49" max="49" width="9" style="76" customWidth="1"/>
    <col min="50" max="16384" width="9" style="76"/>
  </cols>
  <sheetData>
    <row r="1" spans="1:49" ht="9.9" customHeight="1" x14ac:dyDescent="0.2">
      <c r="A1" s="1"/>
      <c r="B1" s="482"/>
      <c r="C1" s="482"/>
      <c r="D1" s="482"/>
      <c r="E1" s="482"/>
      <c r="F1" s="482"/>
      <c r="G1" s="482"/>
      <c r="H1" s="482"/>
      <c r="I1" s="482"/>
      <c r="J1" s="482"/>
      <c r="K1" s="482"/>
      <c r="L1" s="482"/>
      <c r="M1" s="482"/>
      <c r="N1" s="482"/>
      <c r="O1" s="482"/>
      <c r="P1" s="482"/>
      <c r="Q1" s="482"/>
      <c r="R1" s="482"/>
      <c r="S1" s="482"/>
      <c r="T1" s="482"/>
      <c r="U1" s="482"/>
      <c r="V1" s="482"/>
      <c r="W1" s="482"/>
      <c r="X1" s="482"/>
      <c r="Y1" s="482"/>
      <c r="Z1" s="482"/>
      <c r="AA1" s="482"/>
      <c r="AB1" s="482"/>
      <c r="AC1" s="482"/>
      <c r="AD1" s="482"/>
      <c r="AE1" s="482"/>
      <c r="AF1" s="482"/>
      <c r="AG1" s="482"/>
      <c r="AH1" s="482"/>
      <c r="AI1" s="482"/>
      <c r="AJ1" s="482"/>
      <c r="AK1" s="482"/>
      <c r="AL1" s="482"/>
      <c r="AM1" s="482"/>
      <c r="AN1" s="482"/>
      <c r="AO1" s="482"/>
      <c r="AP1" s="482"/>
      <c r="AQ1" s="482"/>
      <c r="AR1" s="482"/>
      <c r="AS1" s="482"/>
      <c r="AT1" s="482"/>
      <c r="AU1" s="482"/>
      <c r="AV1" s="1"/>
      <c r="AW1" s="1"/>
    </row>
    <row r="2" spans="1:49" ht="22.5" customHeight="1" x14ac:dyDescent="0.2">
      <c r="A2" s="1"/>
      <c r="B2" s="545"/>
      <c r="C2" s="546"/>
      <c r="D2" s="158" t="s">
        <v>132</v>
      </c>
      <c r="E2" s="92"/>
      <c r="F2" s="92"/>
      <c r="G2" s="92"/>
      <c r="H2" s="92"/>
      <c r="I2" s="92"/>
      <c r="J2" s="92"/>
      <c r="K2" s="92"/>
      <c r="L2" s="92"/>
      <c r="M2" s="92"/>
      <c r="N2" s="92"/>
      <c r="O2" s="92"/>
      <c r="P2" s="92"/>
      <c r="Q2" s="92"/>
      <c r="R2" s="92"/>
      <c r="S2" s="92"/>
      <c r="T2" s="92"/>
      <c r="U2" s="92"/>
      <c r="V2" s="92"/>
      <c r="W2" s="92"/>
      <c r="X2" s="92"/>
      <c r="Y2" s="93"/>
      <c r="Z2" s="93"/>
      <c r="AA2" s="93"/>
      <c r="AB2" s="93"/>
      <c r="AC2" s="93"/>
      <c r="AD2" s="93"/>
      <c r="AE2" s="93"/>
      <c r="AF2" s="93"/>
      <c r="AG2" s="93"/>
      <c r="AH2" s="741" t="s">
        <v>57</v>
      </c>
      <c r="AI2" s="741"/>
      <c r="AJ2" s="741"/>
      <c r="AK2" s="741"/>
      <c r="AL2" s="741"/>
      <c r="AM2" s="741"/>
      <c r="AN2" s="741"/>
      <c r="AO2" s="741"/>
      <c r="AP2" s="741"/>
      <c r="AQ2" s="741"/>
      <c r="AR2" s="218"/>
      <c r="AS2" s="485"/>
      <c r="AT2" s="546"/>
      <c r="AU2" s="545"/>
      <c r="AV2" s="1"/>
      <c r="AW2" s="1"/>
    </row>
    <row r="3" spans="1:49" ht="22.5" customHeight="1" x14ac:dyDescent="0.2">
      <c r="A3" s="1"/>
      <c r="B3" s="545"/>
      <c r="C3" s="546"/>
      <c r="D3" s="42"/>
      <c r="E3" s="92"/>
      <c r="F3" s="92"/>
      <c r="G3" s="92"/>
      <c r="H3" s="92"/>
      <c r="I3" s="92"/>
      <c r="J3" s="92"/>
      <c r="K3" s="92"/>
      <c r="L3" s="92"/>
      <c r="M3" s="92"/>
      <c r="N3" s="92"/>
      <c r="O3" s="92"/>
      <c r="P3" s="92"/>
      <c r="Q3" s="92"/>
      <c r="R3" s="92"/>
      <c r="S3" s="92"/>
      <c r="T3" s="92"/>
      <c r="U3" s="92"/>
      <c r="V3" s="92"/>
      <c r="W3" s="92"/>
      <c r="X3" s="92"/>
      <c r="Y3" s="92"/>
      <c r="Z3" s="92"/>
      <c r="AA3" s="92"/>
      <c r="AB3" s="92"/>
      <c r="AC3" s="92"/>
      <c r="AD3" s="92"/>
      <c r="AE3" s="92"/>
      <c r="AF3" s="92"/>
      <c r="AG3" s="92"/>
      <c r="AH3" s="92" t="s">
        <v>58</v>
      </c>
      <c r="AI3" s="94"/>
      <c r="AJ3" s="94"/>
      <c r="AK3" s="92"/>
      <c r="AL3" s="547"/>
      <c r="AM3" s="547"/>
      <c r="AN3" s="547"/>
      <c r="AO3" s="547"/>
      <c r="AP3" s="547"/>
      <c r="AQ3" s="547"/>
      <c r="AR3" s="547"/>
      <c r="AS3" s="547"/>
      <c r="AT3" s="546"/>
      <c r="AU3" s="545"/>
      <c r="AV3" s="1"/>
      <c r="AW3" s="1"/>
    </row>
    <row r="4" spans="1:49" ht="18.75" customHeight="1" x14ac:dyDescent="0.45">
      <c r="A4" s="1"/>
      <c r="B4" s="545"/>
      <c r="C4" s="546"/>
      <c r="D4" s="42"/>
      <c r="E4" s="95"/>
      <c r="F4" s="95"/>
      <c r="G4" s="95"/>
      <c r="H4" s="95"/>
      <c r="I4" s="95"/>
      <c r="J4" s="95"/>
      <c r="K4" s="95"/>
      <c r="L4" s="95"/>
      <c r="M4" s="95"/>
      <c r="N4" s="95"/>
      <c r="O4" s="95"/>
      <c r="P4" s="95"/>
      <c r="Q4" s="95"/>
      <c r="R4" s="95"/>
      <c r="S4" s="95"/>
      <c r="T4" s="92"/>
      <c r="U4" s="92"/>
      <c r="V4" s="92"/>
      <c r="W4" s="92"/>
      <c r="X4" s="92"/>
      <c r="Y4" s="92"/>
      <c r="Z4" s="92"/>
      <c r="AA4" s="92"/>
      <c r="AB4" s="92"/>
      <c r="AC4" s="92"/>
      <c r="AD4" s="92"/>
      <c r="AE4" s="92"/>
      <c r="AF4" s="92"/>
      <c r="AG4" s="92"/>
      <c r="AH4" s="742" t="s">
        <v>164</v>
      </c>
      <c r="AI4" s="742"/>
      <c r="AJ4" s="742"/>
      <c r="AK4" s="742"/>
      <c r="AL4" s="742"/>
      <c r="AM4" s="742"/>
      <c r="AN4" s="742"/>
      <c r="AO4" s="742"/>
      <c r="AP4" s="742"/>
      <c r="AQ4" s="742"/>
      <c r="AR4" s="742"/>
      <c r="AS4" s="742"/>
      <c r="AT4" s="546"/>
      <c r="AU4" s="545"/>
      <c r="AV4" s="1"/>
      <c r="AW4" s="77"/>
    </row>
    <row r="5" spans="1:49" ht="22.5" customHeight="1" thickBot="1" x14ac:dyDescent="0.25">
      <c r="A5" s="1"/>
      <c r="B5" s="482"/>
      <c r="C5" s="481"/>
      <c r="D5" s="42"/>
      <c r="E5" s="486"/>
      <c r="F5" s="486"/>
      <c r="G5" s="486"/>
      <c r="H5" s="486"/>
      <c r="I5" s="486"/>
      <c r="J5" s="486"/>
      <c r="K5" s="486"/>
      <c r="L5" s="486"/>
      <c r="M5" s="486"/>
      <c r="N5" s="486"/>
      <c r="O5" s="486"/>
      <c r="P5" s="486"/>
      <c r="Q5" s="486"/>
      <c r="R5" s="486"/>
      <c r="S5" s="98" t="s">
        <v>59</v>
      </c>
      <c r="T5" s="92"/>
      <c r="U5" s="92"/>
      <c r="V5" s="92"/>
      <c r="W5" s="92"/>
      <c r="X5" s="92"/>
      <c r="Y5" s="92"/>
      <c r="Z5" s="92"/>
      <c r="AA5" s="92"/>
      <c r="AB5" s="92"/>
      <c r="AC5" s="92"/>
      <c r="AD5" s="92"/>
      <c r="AE5" s="92"/>
      <c r="AF5" s="92"/>
      <c r="AG5" s="96"/>
      <c r="AH5" s="742"/>
      <c r="AI5" s="742"/>
      <c r="AJ5" s="742"/>
      <c r="AK5" s="742"/>
      <c r="AL5" s="742"/>
      <c r="AM5" s="742"/>
      <c r="AN5" s="742"/>
      <c r="AO5" s="742"/>
      <c r="AP5" s="742"/>
      <c r="AQ5" s="742"/>
      <c r="AR5" s="742"/>
      <c r="AS5" s="742"/>
      <c r="AT5" s="481"/>
      <c r="AU5" s="482"/>
      <c r="AV5" s="1"/>
      <c r="AW5" s="1"/>
    </row>
    <row r="6" spans="1:49" ht="18" customHeight="1" x14ac:dyDescent="0.2">
      <c r="A6" s="1"/>
      <c r="B6" s="482"/>
      <c r="C6" s="481"/>
      <c r="D6" s="42"/>
      <c r="E6" s="92"/>
      <c r="F6" s="92"/>
      <c r="G6" s="92"/>
      <c r="H6" s="92"/>
      <c r="I6" s="92"/>
      <c r="J6" s="92"/>
      <c r="K6" s="92"/>
      <c r="L6" s="92"/>
      <c r="M6" s="92"/>
      <c r="N6" s="92"/>
      <c r="O6" s="92"/>
      <c r="P6" s="92"/>
      <c r="Q6" s="92"/>
      <c r="R6" s="92"/>
      <c r="S6" s="92"/>
      <c r="T6" s="92"/>
      <c r="U6" s="92"/>
      <c r="V6" s="92"/>
      <c r="W6" s="92"/>
      <c r="X6" s="92"/>
      <c r="Y6" s="92"/>
      <c r="Z6" s="92"/>
      <c r="AA6" s="92"/>
      <c r="AB6" s="92"/>
      <c r="AC6" s="92"/>
      <c r="AD6" s="92"/>
      <c r="AE6" s="92"/>
      <c r="AF6" s="92"/>
      <c r="AG6" s="92"/>
      <c r="AH6" s="742"/>
      <c r="AI6" s="742"/>
      <c r="AJ6" s="742"/>
      <c r="AK6" s="742"/>
      <c r="AL6" s="742"/>
      <c r="AM6" s="742"/>
      <c r="AN6" s="742"/>
      <c r="AO6" s="742"/>
      <c r="AP6" s="742"/>
      <c r="AQ6" s="742"/>
      <c r="AR6" s="742"/>
      <c r="AS6" s="742"/>
      <c r="AT6" s="481"/>
      <c r="AU6" s="482"/>
      <c r="AV6" s="1"/>
      <c r="AW6" s="1"/>
    </row>
    <row r="7" spans="1:49" ht="22.5" customHeight="1" x14ac:dyDescent="0.2">
      <c r="A7" s="1"/>
      <c r="B7" s="482"/>
      <c r="C7" s="743" t="s">
        <v>171</v>
      </c>
      <c r="D7" s="743"/>
      <c r="E7" s="743"/>
      <c r="F7" s="743"/>
      <c r="G7" s="743"/>
      <c r="H7" s="743"/>
      <c r="I7" s="743"/>
      <c r="J7" s="743"/>
      <c r="K7" s="743"/>
      <c r="L7" s="743"/>
      <c r="M7" s="743"/>
      <c r="N7" s="743"/>
      <c r="O7" s="743"/>
      <c r="P7" s="743"/>
      <c r="Q7" s="743"/>
      <c r="R7" s="743"/>
      <c r="S7" s="743"/>
      <c r="T7" s="743"/>
      <c r="U7" s="743"/>
      <c r="V7" s="743"/>
      <c r="W7" s="743"/>
      <c r="X7" s="743"/>
      <c r="Y7" s="743"/>
      <c r="Z7" s="743"/>
      <c r="AA7" s="743"/>
      <c r="AB7" s="743"/>
      <c r="AC7" s="743"/>
      <c r="AD7" s="743"/>
      <c r="AE7" s="743"/>
      <c r="AF7" s="743"/>
      <c r="AG7" s="743"/>
      <c r="AH7" s="743"/>
      <c r="AI7" s="743"/>
      <c r="AJ7" s="743"/>
      <c r="AK7" s="743"/>
      <c r="AL7" s="743"/>
      <c r="AM7" s="743"/>
      <c r="AN7" s="743"/>
      <c r="AO7" s="743"/>
      <c r="AP7" s="743"/>
      <c r="AQ7" s="743"/>
      <c r="AR7" s="743"/>
      <c r="AS7" s="743"/>
      <c r="AT7" s="743"/>
      <c r="AU7" s="482"/>
      <c r="AV7" s="1"/>
      <c r="AW7" s="1"/>
    </row>
    <row r="8" spans="1:49" ht="13.5" customHeight="1" x14ac:dyDescent="0.2">
      <c r="A8" s="3"/>
      <c r="B8" s="482"/>
      <c r="C8" s="481"/>
      <c r="D8" s="4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2"/>
      <c r="AS8" s="92"/>
      <c r="AT8" s="481"/>
      <c r="AU8" s="482"/>
      <c r="AV8" s="1"/>
      <c r="AW8" s="1"/>
    </row>
    <row r="9" spans="1:49" s="4" customFormat="1" ht="22.5" customHeight="1" thickBot="1" x14ac:dyDescent="0.25">
      <c r="A9" s="3"/>
      <c r="B9" s="482"/>
      <c r="C9" s="481"/>
      <c r="D9" s="42"/>
      <c r="E9" s="99" t="s">
        <v>44</v>
      </c>
      <c r="F9" s="100"/>
      <c r="G9" s="92"/>
      <c r="H9" s="92"/>
      <c r="I9" s="92"/>
      <c r="J9" s="92"/>
      <c r="K9" s="92"/>
      <c r="L9" s="92"/>
      <c r="M9" s="92"/>
      <c r="N9" s="92"/>
      <c r="O9" s="92"/>
      <c r="P9" s="92"/>
      <c r="Q9" s="92"/>
      <c r="R9" s="92"/>
      <c r="S9" s="92"/>
      <c r="T9" s="92"/>
      <c r="U9" s="92"/>
      <c r="V9" s="92"/>
      <c r="W9" s="92"/>
      <c r="X9" s="92"/>
      <c r="Y9" s="92"/>
      <c r="Z9" s="92"/>
      <c r="AA9" s="92"/>
      <c r="AB9" s="92"/>
      <c r="AC9" s="92"/>
      <c r="AD9" s="92"/>
      <c r="AE9" s="92"/>
      <c r="AF9" s="92"/>
      <c r="AG9" s="92"/>
      <c r="AH9" s="92"/>
      <c r="AI9" s="92"/>
      <c r="AJ9" s="92"/>
      <c r="AK9" s="92"/>
      <c r="AL9" s="92"/>
      <c r="AM9" s="92"/>
      <c r="AN9" s="92"/>
      <c r="AO9" s="92"/>
      <c r="AP9" s="92"/>
      <c r="AQ9" s="92"/>
      <c r="AR9" s="92"/>
      <c r="AS9" s="92"/>
      <c r="AT9" s="481"/>
      <c r="AU9" s="482"/>
      <c r="AV9" s="3"/>
      <c r="AW9" s="36"/>
    </row>
    <row r="10" spans="1:49" ht="22.5" customHeight="1" x14ac:dyDescent="0.2">
      <c r="A10" s="1"/>
      <c r="B10" s="482"/>
      <c r="C10" s="481"/>
      <c r="D10" s="702" t="s">
        <v>94</v>
      </c>
      <c r="E10" s="104" t="s">
        <v>4</v>
      </c>
      <c r="F10" s="104"/>
      <c r="G10" s="104"/>
      <c r="H10" s="104"/>
      <c r="I10" s="487"/>
      <c r="J10" s="487"/>
      <c r="K10" s="487"/>
      <c r="L10" s="487"/>
      <c r="M10" s="487"/>
      <c r="N10" s="487"/>
      <c r="O10" s="487"/>
      <c r="P10" s="487"/>
      <c r="Q10" s="488"/>
      <c r="R10" s="105" t="s">
        <v>2</v>
      </c>
      <c r="S10" s="104"/>
      <c r="T10" s="104"/>
      <c r="U10" s="104"/>
      <c r="V10" s="487"/>
      <c r="W10" s="487"/>
      <c r="X10" s="487"/>
      <c r="Y10" s="487"/>
      <c r="Z10" s="487"/>
      <c r="AA10" s="487"/>
      <c r="AB10" s="487"/>
      <c r="AC10" s="487"/>
      <c r="AD10" s="487"/>
      <c r="AE10" s="488"/>
      <c r="AF10" s="105" t="s">
        <v>6</v>
      </c>
      <c r="AG10" s="104"/>
      <c r="AH10" s="104"/>
      <c r="AI10" s="104"/>
      <c r="AJ10" s="487"/>
      <c r="AK10" s="487"/>
      <c r="AL10" s="487"/>
      <c r="AM10" s="487"/>
      <c r="AN10" s="487"/>
      <c r="AO10" s="487"/>
      <c r="AP10" s="487"/>
      <c r="AQ10" s="487"/>
      <c r="AR10" s="487"/>
      <c r="AS10" s="489"/>
      <c r="AT10" s="481"/>
      <c r="AU10" s="482"/>
      <c r="AV10" s="1"/>
      <c r="AW10" s="1"/>
    </row>
    <row r="11" spans="1:49" ht="22.5" customHeight="1" x14ac:dyDescent="0.2">
      <c r="A11" s="1"/>
      <c r="B11" s="482"/>
      <c r="C11" s="481"/>
      <c r="D11" s="703"/>
      <c r="E11" s="106" t="s">
        <v>61</v>
      </c>
      <c r="F11" s="106"/>
      <c r="G11" s="106"/>
      <c r="H11" s="106"/>
      <c r="I11" s="106"/>
      <c r="J11" s="106"/>
      <c r="K11" s="106"/>
      <c r="L11" s="490"/>
      <c r="M11" s="490"/>
      <c r="N11" s="490"/>
      <c r="O11" s="490"/>
      <c r="P11" s="490"/>
      <c r="Q11" s="490"/>
      <c r="R11" s="490"/>
      <c r="S11" s="490"/>
      <c r="T11" s="490"/>
      <c r="U11" s="490"/>
      <c r="V11" s="490"/>
      <c r="W11" s="490"/>
      <c r="X11" s="490"/>
      <c r="Y11" s="490"/>
      <c r="Z11" s="490"/>
      <c r="AA11" s="490"/>
      <c r="AB11" s="490"/>
      <c r="AC11" s="490"/>
      <c r="AD11" s="490"/>
      <c r="AE11" s="491"/>
      <c r="AF11" s="107" t="s">
        <v>1</v>
      </c>
      <c r="AG11" s="106"/>
      <c r="AH11" s="106"/>
      <c r="AI11" s="106"/>
      <c r="AJ11" s="492"/>
      <c r="AK11" s="492"/>
      <c r="AL11" s="492"/>
      <c r="AM11" s="492"/>
      <c r="AN11" s="492"/>
      <c r="AO11" s="492"/>
      <c r="AP11" s="492"/>
      <c r="AQ11" s="492"/>
      <c r="AR11" s="492"/>
      <c r="AS11" s="493"/>
      <c r="AT11" s="481"/>
      <c r="AU11" s="482"/>
      <c r="AV11" s="1"/>
      <c r="AW11" s="1"/>
    </row>
    <row r="12" spans="1:49" ht="22.5" customHeight="1" x14ac:dyDescent="0.2">
      <c r="A12" s="1"/>
      <c r="B12" s="482"/>
      <c r="C12" s="481"/>
      <c r="D12" s="703"/>
      <c r="E12" s="108" t="s">
        <v>113</v>
      </c>
      <c r="F12" s="109"/>
      <c r="G12" s="109"/>
      <c r="H12" s="109"/>
      <c r="I12" s="109"/>
      <c r="J12" s="109"/>
      <c r="K12" s="109"/>
      <c r="L12" s="109"/>
      <c r="M12" s="109"/>
      <c r="N12" s="109"/>
      <c r="O12" s="109"/>
      <c r="P12" s="109"/>
      <c r="Q12" s="109"/>
      <c r="R12" s="109"/>
      <c r="S12" s="109"/>
      <c r="T12" s="109"/>
      <c r="U12" s="109"/>
      <c r="V12" s="109"/>
      <c r="W12" s="109"/>
      <c r="X12" s="109"/>
      <c r="Y12" s="109"/>
      <c r="Z12" s="109"/>
      <c r="AA12" s="109"/>
      <c r="AB12" s="109"/>
      <c r="AC12" s="109"/>
      <c r="AD12" s="109"/>
      <c r="AE12" s="109"/>
      <c r="AF12" s="109"/>
      <c r="AG12" s="109"/>
      <c r="AH12" s="109"/>
      <c r="AI12" s="109"/>
      <c r="AJ12" s="109"/>
      <c r="AK12" s="109"/>
      <c r="AL12" s="109"/>
      <c r="AM12" s="109"/>
      <c r="AN12" s="109"/>
      <c r="AO12" s="109"/>
      <c r="AP12" s="109"/>
      <c r="AQ12" s="109"/>
      <c r="AR12" s="109"/>
      <c r="AS12" s="110"/>
      <c r="AT12" s="481"/>
      <c r="AU12" s="482"/>
      <c r="AV12" s="1"/>
      <c r="AW12" s="1"/>
    </row>
    <row r="13" spans="1:49" ht="22.5" customHeight="1" x14ac:dyDescent="0.2">
      <c r="A13" s="1"/>
      <c r="B13" s="482"/>
      <c r="C13" s="481"/>
      <c r="D13" s="703"/>
      <c r="E13" s="111"/>
      <c r="F13" s="494"/>
      <c r="G13" s="494"/>
      <c r="H13" s="494"/>
      <c r="I13" s="494"/>
      <c r="J13" s="494"/>
      <c r="K13" s="494"/>
      <c r="L13" s="494"/>
      <c r="M13" s="494"/>
      <c r="N13" s="494"/>
      <c r="O13" s="494"/>
      <c r="P13" s="494"/>
      <c r="Q13" s="494"/>
      <c r="R13" s="494"/>
      <c r="S13" s="494"/>
      <c r="T13" s="494"/>
      <c r="U13" s="494"/>
      <c r="V13" s="494"/>
      <c r="W13" s="494"/>
      <c r="X13" s="494"/>
      <c r="Y13" s="494"/>
      <c r="Z13" s="494"/>
      <c r="AA13" s="494"/>
      <c r="AB13" s="494"/>
      <c r="AC13" s="494"/>
      <c r="AD13" s="494"/>
      <c r="AE13" s="494"/>
      <c r="AF13" s="494"/>
      <c r="AG13" s="494"/>
      <c r="AH13" s="494"/>
      <c r="AI13" s="494"/>
      <c r="AJ13" s="494"/>
      <c r="AK13" s="494"/>
      <c r="AL13" s="494"/>
      <c r="AM13" s="494"/>
      <c r="AN13" s="494"/>
      <c r="AO13" s="494"/>
      <c r="AP13" s="494"/>
      <c r="AQ13" s="494"/>
      <c r="AR13" s="494"/>
      <c r="AS13" s="495"/>
      <c r="AT13" s="481"/>
      <c r="AU13" s="482"/>
      <c r="AV13" s="1"/>
      <c r="AW13" s="1"/>
    </row>
    <row r="14" spans="1:49" ht="22.5" customHeight="1" x14ac:dyDescent="0.2">
      <c r="A14" s="1"/>
      <c r="B14" s="482"/>
      <c r="C14" s="481"/>
      <c r="D14" s="703"/>
      <c r="E14" s="113" t="s">
        <v>3</v>
      </c>
      <c r="F14" s="114"/>
      <c r="G14" s="114"/>
      <c r="H14" s="114"/>
      <c r="I14" s="496"/>
      <c r="J14" s="496"/>
      <c r="K14" s="496"/>
      <c r="L14" s="496"/>
      <c r="M14" s="496"/>
      <c r="N14" s="496"/>
      <c r="O14" s="496"/>
      <c r="P14" s="496"/>
      <c r="Q14" s="496"/>
      <c r="R14" s="496"/>
      <c r="S14" s="496"/>
      <c r="T14" s="496"/>
      <c r="U14" s="496"/>
      <c r="V14" s="496"/>
      <c r="W14" s="496"/>
      <c r="X14" s="496"/>
      <c r="Y14" s="496"/>
      <c r="Z14" s="496"/>
      <c r="AA14" s="496"/>
      <c r="AB14" s="496"/>
      <c r="AC14" s="496"/>
      <c r="AD14" s="496"/>
      <c r="AE14" s="238"/>
      <c r="AF14" s="117" t="s">
        <v>62</v>
      </c>
      <c r="AG14" s="114"/>
      <c r="AH14" s="114"/>
      <c r="AI14" s="114"/>
      <c r="AJ14" s="114"/>
      <c r="AK14" s="114"/>
      <c r="AL14" s="114"/>
      <c r="AM14" s="114"/>
      <c r="AN14" s="114"/>
      <c r="AO14" s="114"/>
      <c r="AP14" s="114"/>
      <c r="AQ14" s="114"/>
      <c r="AR14" s="114"/>
      <c r="AS14" s="118"/>
      <c r="AT14" s="481"/>
      <c r="AU14" s="482"/>
      <c r="AV14" s="1"/>
      <c r="AW14" s="1"/>
    </row>
    <row r="15" spans="1:49" ht="22.5" customHeight="1" x14ac:dyDescent="0.2">
      <c r="B15" s="482"/>
      <c r="C15" s="481"/>
      <c r="D15" s="703"/>
      <c r="E15" s="99" t="s">
        <v>114</v>
      </c>
      <c r="F15" s="92"/>
      <c r="G15" s="92"/>
      <c r="H15" s="92"/>
      <c r="I15" s="92"/>
      <c r="J15" s="92"/>
      <c r="K15" s="92"/>
      <c r="L15" s="92"/>
      <c r="M15" s="92"/>
      <c r="N15" s="92"/>
      <c r="O15" s="92"/>
      <c r="P15" s="92"/>
      <c r="Q15" s="92"/>
      <c r="R15" s="92"/>
      <c r="S15" s="92"/>
      <c r="T15" s="92"/>
      <c r="U15" s="92"/>
      <c r="V15" s="92"/>
      <c r="W15" s="92"/>
      <c r="X15" s="92"/>
      <c r="Y15" s="92"/>
      <c r="Z15" s="92"/>
      <c r="AA15" s="92"/>
      <c r="AB15" s="92"/>
      <c r="AC15" s="92"/>
      <c r="AD15" s="92"/>
      <c r="AE15" s="92"/>
      <c r="AF15" s="119"/>
      <c r="AG15" s="92"/>
      <c r="AH15" s="92"/>
      <c r="AI15" s="92"/>
      <c r="AJ15" s="92"/>
      <c r="AK15" s="92"/>
      <c r="AL15" s="92"/>
      <c r="AM15" s="92"/>
      <c r="AN15" s="92"/>
      <c r="AO15" s="92"/>
      <c r="AP15" s="92"/>
      <c r="AQ15" s="92"/>
      <c r="AR15" s="92"/>
      <c r="AS15" s="120"/>
      <c r="AT15" s="481"/>
      <c r="AU15" s="482"/>
    </row>
    <row r="16" spans="1:49" ht="22.5" customHeight="1" thickBot="1" x14ac:dyDescent="0.25">
      <c r="B16" s="482"/>
      <c r="C16" s="481"/>
      <c r="D16" s="727"/>
      <c r="E16" s="121"/>
      <c r="F16" s="494"/>
      <c r="G16" s="494"/>
      <c r="H16" s="494"/>
      <c r="I16" s="494"/>
      <c r="J16" s="494"/>
      <c r="K16" s="494"/>
      <c r="L16" s="494"/>
      <c r="M16" s="494"/>
      <c r="N16" s="494"/>
      <c r="O16" s="494"/>
      <c r="P16" s="494"/>
      <c r="Q16" s="494"/>
      <c r="R16" s="494"/>
      <c r="S16" s="494"/>
      <c r="T16" s="494"/>
      <c r="U16" s="494"/>
      <c r="V16" s="494"/>
      <c r="W16" s="494"/>
      <c r="X16" s="494"/>
      <c r="Y16" s="494"/>
      <c r="Z16" s="494"/>
      <c r="AA16" s="494"/>
      <c r="AB16" s="494"/>
      <c r="AC16" s="494"/>
      <c r="AD16" s="494"/>
      <c r="AE16" s="219"/>
      <c r="AF16" s="122"/>
      <c r="AG16" s="744" t="s">
        <v>63</v>
      </c>
      <c r="AH16" s="744"/>
      <c r="AI16" s="744"/>
      <c r="AJ16" s="744"/>
      <c r="AK16" s="744"/>
      <c r="AL16" s="744"/>
      <c r="AM16" s="744"/>
      <c r="AN16" s="744"/>
      <c r="AO16" s="744"/>
      <c r="AP16" s="744"/>
      <c r="AQ16" s="744"/>
      <c r="AR16" s="744"/>
      <c r="AS16" s="745"/>
      <c r="AT16" s="481"/>
      <c r="AU16" s="482"/>
    </row>
    <row r="17" spans="2:52" ht="22.5" customHeight="1" x14ac:dyDescent="0.2">
      <c r="B17" s="482"/>
      <c r="C17" s="481"/>
      <c r="D17" s="702" t="s">
        <v>12</v>
      </c>
      <c r="E17" s="38" t="s">
        <v>4</v>
      </c>
      <c r="F17" s="63"/>
      <c r="G17" s="63"/>
      <c r="H17" s="63"/>
      <c r="I17" s="170"/>
      <c r="J17" s="170"/>
      <c r="K17" s="170"/>
      <c r="L17" s="170"/>
      <c r="M17" s="170"/>
      <c r="N17" s="170"/>
      <c r="O17" s="170"/>
      <c r="P17" s="170"/>
      <c r="Q17" s="171"/>
      <c r="R17" s="64" t="s">
        <v>2</v>
      </c>
      <c r="S17" s="63"/>
      <c r="T17" s="63"/>
      <c r="U17" s="63"/>
      <c r="V17" s="170"/>
      <c r="W17" s="170"/>
      <c r="X17" s="170"/>
      <c r="Y17" s="170"/>
      <c r="Z17" s="170"/>
      <c r="AA17" s="170"/>
      <c r="AB17" s="170"/>
      <c r="AC17" s="170"/>
      <c r="AD17" s="170"/>
      <c r="AE17" s="171"/>
      <c r="AF17" s="64" t="s">
        <v>6</v>
      </c>
      <c r="AG17" s="63"/>
      <c r="AH17" s="63"/>
      <c r="AI17" s="63"/>
      <c r="AJ17" s="170"/>
      <c r="AK17" s="170"/>
      <c r="AL17" s="170"/>
      <c r="AM17" s="170"/>
      <c r="AN17" s="170"/>
      <c r="AO17" s="170"/>
      <c r="AP17" s="170"/>
      <c r="AQ17" s="170"/>
      <c r="AR17" s="170"/>
      <c r="AS17" s="172"/>
      <c r="AT17" s="481"/>
      <c r="AU17" s="482"/>
    </row>
    <row r="18" spans="2:52" ht="22.5" customHeight="1" x14ac:dyDescent="0.2">
      <c r="B18" s="482"/>
      <c r="C18" s="481"/>
      <c r="D18" s="703"/>
      <c r="E18" s="39" t="s">
        <v>61</v>
      </c>
      <c r="F18" s="65"/>
      <c r="G18" s="65"/>
      <c r="H18" s="65"/>
      <c r="I18" s="65"/>
      <c r="J18" s="65"/>
      <c r="K18" s="65"/>
      <c r="L18" s="173"/>
      <c r="M18" s="173"/>
      <c r="N18" s="173"/>
      <c r="O18" s="173"/>
      <c r="P18" s="173"/>
      <c r="Q18" s="173"/>
      <c r="R18" s="173"/>
      <c r="S18" s="173"/>
      <c r="T18" s="173"/>
      <c r="U18" s="173"/>
      <c r="V18" s="173"/>
      <c r="W18" s="173"/>
      <c r="X18" s="173"/>
      <c r="Y18" s="173"/>
      <c r="Z18" s="173"/>
      <c r="AA18" s="173"/>
      <c r="AB18" s="173"/>
      <c r="AC18" s="173"/>
      <c r="AD18" s="173"/>
      <c r="AE18" s="173"/>
      <c r="AF18" s="173"/>
      <c r="AG18" s="173"/>
      <c r="AH18" s="173"/>
      <c r="AI18" s="173"/>
      <c r="AJ18" s="173"/>
      <c r="AK18" s="173"/>
      <c r="AL18" s="173"/>
      <c r="AM18" s="173"/>
      <c r="AN18" s="173"/>
      <c r="AO18" s="173"/>
      <c r="AP18" s="173"/>
      <c r="AQ18" s="173"/>
      <c r="AR18" s="173"/>
      <c r="AS18" s="174"/>
      <c r="AT18" s="481"/>
      <c r="AU18" s="482"/>
    </row>
    <row r="19" spans="2:52" ht="22.5" customHeight="1" x14ac:dyDescent="0.2">
      <c r="B19" s="482"/>
      <c r="C19" s="481"/>
      <c r="D19" s="703"/>
      <c r="E19" s="40" t="s">
        <v>68</v>
      </c>
      <c r="F19" s="88"/>
      <c r="G19" s="88"/>
      <c r="H19" s="88"/>
      <c r="I19" s="88"/>
      <c r="J19" s="88"/>
      <c r="K19" s="88"/>
      <c r="L19" s="88"/>
      <c r="M19" s="88"/>
      <c r="N19" s="88"/>
      <c r="O19" s="88"/>
      <c r="P19" s="88"/>
      <c r="Q19" s="88"/>
      <c r="R19" s="88"/>
      <c r="S19" s="88"/>
      <c r="T19" s="88"/>
      <c r="U19" s="88"/>
      <c r="V19" s="88"/>
      <c r="W19" s="88"/>
      <c r="X19" s="88"/>
      <c r="Y19" s="88"/>
      <c r="Z19" s="88"/>
      <c r="AA19" s="88"/>
      <c r="AB19" s="88"/>
      <c r="AC19" s="88"/>
      <c r="AD19" s="88"/>
      <c r="AE19" s="88"/>
      <c r="AF19" s="88"/>
      <c r="AG19" s="88"/>
      <c r="AH19" s="88"/>
      <c r="AI19" s="88"/>
      <c r="AJ19" s="88"/>
      <c r="AK19" s="88"/>
      <c r="AL19" s="88"/>
      <c r="AM19" s="88"/>
      <c r="AN19" s="88"/>
      <c r="AO19" s="88"/>
      <c r="AP19" s="88"/>
      <c r="AQ19" s="88"/>
      <c r="AR19" s="88"/>
      <c r="AS19" s="89"/>
      <c r="AT19" s="481"/>
      <c r="AU19" s="482"/>
    </row>
    <row r="20" spans="2:52" ht="22.5" customHeight="1" x14ac:dyDescent="0.2">
      <c r="B20" s="482"/>
      <c r="C20" s="481"/>
      <c r="D20" s="703"/>
      <c r="E20" s="51"/>
      <c r="F20" s="175"/>
      <c r="G20" s="175"/>
      <c r="H20" s="175"/>
      <c r="I20" s="175"/>
      <c r="J20" s="175"/>
      <c r="K20" s="175"/>
      <c r="L20" s="175"/>
      <c r="M20" s="175"/>
      <c r="N20" s="175"/>
      <c r="O20" s="175"/>
      <c r="P20" s="175"/>
      <c r="Q20" s="175"/>
      <c r="R20" s="175"/>
      <c r="S20" s="175"/>
      <c r="T20" s="175"/>
      <c r="U20" s="175"/>
      <c r="V20" s="175"/>
      <c r="W20" s="175"/>
      <c r="X20" s="175"/>
      <c r="Y20" s="175"/>
      <c r="Z20" s="175"/>
      <c r="AA20" s="175"/>
      <c r="AB20" s="175"/>
      <c r="AC20" s="175"/>
      <c r="AD20" s="175"/>
      <c r="AE20" s="175"/>
      <c r="AF20" s="175"/>
      <c r="AG20" s="175"/>
      <c r="AH20" s="175"/>
      <c r="AI20" s="175"/>
      <c r="AJ20" s="175"/>
      <c r="AK20" s="175"/>
      <c r="AL20" s="175"/>
      <c r="AM20" s="175"/>
      <c r="AN20" s="175"/>
      <c r="AO20" s="175"/>
      <c r="AP20" s="175"/>
      <c r="AQ20" s="175"/>
      <c r="AR20" s="175"/>
      <c r="AS20" s="176"/>
      <c r="AT20" s="481"/>
      <c r="AU20" s="482"/>
    </row>
    <row r="21" spans="2:52" ht="22.5" customHeight="1" x14ac:dyDescent="0.2">
      <c r="B21" s="482"/>
      <c r="C21" s="481"/>
      <c r="D21" s="703"/>
      <c r="E21" s="41" t="s">
        <v>3</v>
      </c>
      <c r="F21" s="66"/>
      <c r="G21" s="66"/>
      <c r="H21" s="66"/>
      <c r="I21" s="177"/>
      <c r="J21" s="177"/>
      <c r="K21" s="177"/>
      <c r="L21" s="177"/>
      <c r="M21" s="177"/>
      <c r="N21" s="177"/>
      <c r="O21" s="177"/>
      <c r="P21" s="177"/>
      <c r="Q21" s="177"/>
      <c r="R21" s="177"/>
      <c r="S21" s="177"/>
      <c r="T21" s="177"/>
      <c r="U21" s="177"/>
      <c r="V21" s="177"/>
      <c r="W21" s="177"/>
      <c r="X21" s="177"/>
      <c r="Y21" s="177"/>
      <c r="Z21" s="177"/>
      <c r="AA21" s="177"/>
      <c r="AB21" s="177"/>
      <c r="AC21" s="177"/>
      <c r="AD21" s="177"/>
      <c r="AE21" s="177"/>
      <c r="AF21" s="177"/>
      <c r="AG21" s="177"/>
      <c r="AH21" s="177"/>
      <c r="AI21" s="177"/>
      <c r="AJ21" s="177"/>
      <c r="AK21" s="177"/>
      <c r="AL21" s="177"/>
      <c r="AM21" s="177"/>
      <c r="AN21" s="177"/>
      <c r="AO21" s="177"/>
      <c r="AP21" s="177"/>
      <c r="AQ21" s="177"/>
      <c r="AR21" s="177"/>
      <c r="AS21" s="178"/>
      <c r="AT21" s="481"/>
      <c r="AU21" s="482"/>
    </row>
    <row r="22" spans="2:52" ht="22.5" customHeight="1" x14ac:dyDescent="0.2">
      <c r="B22" s="482"/>
      <c r="C22" s="481"/>
      <c r="D22" s="703"/>
      <c r="E22" s="128" t="s">
        <v>115</v>
      </c>
      <c r="F22" s="92"/>
      <c r="G22" s="92"/>
      <c r="H22" s="92"/>
      <c r="I22" s="92"/>
      <c r="J22" s="92"/>
      <c r="K22" s="92"/>
      <c r="L22" s="92"/>
      <c r="M22" s="92"/>
      <c r="N22" s="92"/>
      <c r="O22" s="92"/>
      <c r="P22" s="92"/>
      <c r="Q22" s="61"/>
      <c r="R22" s="61"/>
      <c r="S22" s="61"/>
      <c r="T22" s="61"/>
      <c r="U22" s="61"/>
      <c r="V22" s="61"/>
      <c r="W22" s="61"/>
      <c r="X22" s="61"/>
      <c r="Y22" s="61"/>
      <c r="Z22" s="61"/>
      <c r="AA22" s="61"/>
      <c r="AB22" s="61"/>
      <c r="AC22" s="61"/>
      <c r="AD22" s="61"/>
      <c r="AE22" s="61"/>
      <c r="AF22" s="123"/>
      <c r="AG22" s="61"/>
      <c r="AH22" s="61"/>
      <c r="AI22" s="61"/>
      <c r="AJ22" s="61"/>
      <c r="AK22" s="61"/>
      <c r="AL22" s="61"/>
      <c r="AM22" s="61"/>
      <c r="AN22" s="61"/>
      <c r="AO22" s="61"/>
      <c r="AP22" s="61"/>
      <c r="AQ22" s="61"/>
      <c r="AR22" s="61"/>
      <c r="AS22" s="68"/>
      <c r="AT22" s="481"/>
      <c r="AU22" s="482"/>
    </row>
    <row r="23" spans="2:52" ht="22.5" customHeight="1" x14ac:dyDescent="0.2">
      <c r="B23" s="482"/>
      <c r="C23" s="481"/>
      <c r="D23" s="703"/>
      <c r="E23" s="52"/>
      <c r="F23" s="175"/>
      <c r="G23" s="175"/>
      <c r="H23" s="175"/>
      <c r="I23" s="175"/>
      <c r="J23" s="175"/>
      <c r="K23" s="175"/>
      <c r="L23" s="175"/>
      <c r="M23" s="175"/>
      <c r="N23" s="175"/>
      <c r="O23" s="175"/>
      <c r="P23" s="175"/>
      <c r="Q23" s="175"/>
      <c r="R23" s="175"/>
      <c r="S23" s="175"/>
      <c r="T23" s="175"/>
      <c r="U23" s="175"/>
      <c r="V23" s="175"/>
      <c r="W23" s="175"/>
      <c r="X23" s="175"/>
      <c r="Y23" s="175"/>
      <c r="Z23" s="175"/>
      <c r="AA23" s="175"/>
      <c r="AB23" s="175"/>
      <c r="AC23" s="175"/>
      <c r="AD23" s="175"/>
      <c r="AE23" s="175"/>
      <c r="AF23" s="175"/>
      <c r="AG23" s="175"/>
      <c r="AH23" s="175"/>
      <c r="AI23" s="175"/>
      <c r="AJ23" s="175"/>
      <c r="AK23" s="175"/>
      <c r="AL23" s="175"/>
      <c r="AM23" s="175"/>
      <c r="AN23" s="175"/>
      <c r="AO23" s="175"/>
      <c r="AP23" s="175"/>
      <c r="AQ23" s="175"/>
      <c r="AR23" s="175"/>
      <c r="AS23" s="176"/>
      <c r="AT23" s="481"/>
      <c r="AU23" s="482"/>
    </row>
    <row r="24" spans="2:52" ht="22.5" customHeight="1" x14ac:dyDescent="0.2">
      <c r="B24" s="482"/>
      <c r="C24" s="481"/>
      <c r="D24" s="703"/>
      <c r="E24" s="49" t="s">
        <v>3</v>
      </c>
      <c r="F24" s="124"/>
      <c r="G24" s="124"/>
      <c r="H24" s="124"/>
      <c r="I24" s="179"/>
      <c r="J24" s="179"/>
      <c r="K24" s="179"/>
      <c r="L24" s="179"/>
      <c r="M24" s="179"/>
      <c r="N24" s="179"/>
      <c r="O24" s="179"/>
      <c r="P24" s="179"/>
      <c r="Q24" s="179"/>
      <c r="R24" s="179"/>
      <c r="S24" s="179"/>
      <c r="T24" s="179"/>
      <c r="U24" s="179"/>
      <c r="V24" s="179"/>
      <c r="W24" s="179"/>
      <c r="X24" s="179"/>
      <c r="Y24" s="179"/>
      <c r="Z24" s="180"/>
      <c r="AA24" s="149" t="s">
        <v>8</v>
      </c>
      <c r="AB24" s="181"/>
      <c r="AC24" s="181"/>
      <c r="AD24" s="181"/>
      <c r="AE24" s="182"/>
      <c r="AF24" s="746" t="s">
        <v>227</v>
      </c>
      <c r="AG24" s="747"/>
      <c r="AH24" s="747"/>
      <c r="AI24" s="747"/>
      <c r="AJ24" s="747"/>
      <c r="AK24" s="747"/>
      <c r="AL24" s="747"/>
      <c r="AM24" s="747"/>
      <c r="AN24" s="747"/>
      <c r="AO24" s="747"/>
      <c r="AP24" s="747"/>
      <c r="AQ24" s="747"/>
      <c r="AR24" s="747"/>
      <c r="AS24" s="748"/>
      <c r="AT24" s="481"/>
      <c r="AU24" s="482"/>
    </row>
    <row r="25" spans="2:52" ht="22.5" customHeight="1" x14ac:dyDescent="0.2">
      <c r="B25" s="482"/>
      <c r="C25" s="481"/>
      <c r="D25" s="703"/>
      <c r="E25" s="37" t="s">
        <v>91</v>
      </c>
      <c r="F25" s="61"/>
      <c r="G25" s="61"/>
      <c r="H25" s="61"/>
      <c r="I25" s="61"/>
      <c r="J25" s="61"/>
      <c r="K25" s="61"/>
      <c r="L25" s="61"/>
      <c r="M25" s="749" t="s">
        <v>143</v>
      </c>
      <c r="N25" s="749"/>
      <c r="O25" s="749"/>
      <c r="P25" s="749"/>
      <c r="Q25" s="749"/>
      <c r="R25" s="749"/>
      <c r="S25" s="749"/>
      <c r="T25" s="749"/>
      <c r="U25" s="749"/>
      <c r="V25" s="749"/>
      <c r="W25" s="749"/>
      <c r="X25" s="749"/>
      <c r="Y25" s="749"/>
      <c r="Z25" s="750"/>
      <c r="AA25" s="148" t="s">
        <v>9</v>
      </c>
      <c r="AB25" s="183"/>
      <c r="AC25" s="183"/>
      <c r="AD25" s="183"/>
      <c r="AE25" s="184"/>
      <c r="AF25" s="125" t="s">
        <v>69</v>
      </c>
      <c r="AG25" s="61"/>
      <c r="AH25" s="61"/>
      <c r="AI25" s="61"/>
      <c r="AJ25" s="61"/>
      <c r="AK25" s="61"/>
      <c r="AL25" s="61"/>
      <c r="AM25" s="61"/>
      <c r="AN25" s="61"/>
      <c r="AO25" s="61"/>
      <c r="AP25" s="61"/>
      <c r="AQ25" s="61"/>
      <c r="AR25" s="61"/>
      <c r="AS25" s="68"/>
      <c r="AT25" s="481"/>
      <c r="AU25" s="482"/>
    </row>
    <row r="26" spans="2:52" ht="22.5" customHeight="1" x14ac:dyDescent="0.2">
      <c r="B26" s="482"/>
      <c r="C26" s="481"/>
      <c r="D26" s="703"/>
      <c r="E26" s="53"/>
      <c r="F26" s="175"/>
      <c r="G26" s="175"/>
      <c r="H26" s="175"/>
      <c r="I26" s="175"/>
      <c r="J26" s="175"/>
      <c r="K26" s="175"/>
      <c r="L26" s="175"/>
      <c r="M26" s="175"/>
      <c r="N26" s="175"/>
      <c r="O26" s="175"/>
      <c r="P26" s="175"/>
      <c r="Q26" s="175"/>
      <c r="R26" s="175"/>
      <c r="S26" s="175"/>
      <c r="T26" s="175"/>
      <c r="U26" s="175"/>
      <c r="V26" s="175"/>
      <c r="W26" s="175"/>
      <c r="X26" s="175"/>
      <c r="Y26" s="175"/>
      <c r="Z26" s="188"/>
      <c r="AA26" s="185"/>
      <c r="AB26" s="186"/>
      <c r="AC26" s="186"/>
      <c r="AD26" s="186"/>
      <c r="AE26" s="187"/>
      <c r="AF26" s="751" t="s">
        <v>70</v>
      </c>
      <c r="AG26" s="752"/>
      <c r="AH26" s="752"/>
      <c r="AI26" s="752"/>
      <c r="AJ26" s="752"/>
      <c r="AK26" s="752"/>
      <c r="AL26" s="752"/>
      <c r="AM26" s="752"/>
      <c r="AN26" s="752"/>
      <c r="AO26" s="752"/>
      <c r="AP26" s="752"/>
      <c r="AQ26" s="752"/>
      <c r="AR26" s="752"/>
      <c r="AS26" s="753"/>
      <c r="AT26" s="481"/>
      <c r="AU26" s="482"/>
    </row>
    <row r="27" spans="2:52" ht="22.5" customHeight="1" x14ac:dyDescent="0.2">
      <c r="B27" s="482"/>
      <c r="C27" s="481"/>
      <c r="D27" s="703"/>
      <c r="E27" s="54" t="s">
        <v>95</v>
      </c>
      <c r="F27" s="66"/>
      <c r="G27" s="66"/>
      <c r="H27" s="66"/>
      <c r="I27" s="66"/>
      <c r="J27" s="66"/>
      <c r="K27" s="66"/>
      <c r="L27" s="66"/>
      <c r="M27" s="66"/>
      <c r="N27" s="66"/>
      <c r="O27" s="66"/>
      <c r="P27" s="66"/>
      <c r="Q27" s="66"/>
      <c r="R27" s="66"/>
      <c r="S27" s="66"/>
      <c r="T27" s="66"/>
      <c r="U27" s="66"/>
      <c r="V27" s="66"/>
      <c r="W27" s="66"/>
      <c r="X27" s="66"/>
      <c r="Y27" s="66"/>
      <c r="Z27" s="126"/>
      <c r="AA27" s="150" t="s">
        <v>71</v>
      </c>
      <c r="AB27" s="192"/>
      <c r="AC27" s="192"/>
      <c r="AD27" s="192"/>
      <c r="AE27" s="193"/>
      <c r="AF27" s="194"/>
      <c r="AG27" s="195"/>
      <c r="AH27" s="195"/>
      <c r="AI27" s="195"/>
      <c r="AJ27" s="195"/>
      <c r="AK27" s="195"/>
      <c r="AL27" s="195"/>
      <c r="AM27" s="195"/>
      <c r="AN27" s="195"/>
      <c r="AO27" s="195"/>
      <c r="AP27" s="195"/>
      <c r="AQ27" s="195"/>
      <c r="AR27" s="195"/>
      <c r="AS27" s="196"/>
      <c r="AT27" s="481"/>
      <c r="AU27" s="482"/>
      <c r="AV27" s="1"/>
      <c r="AW27" s="1"/>
      <c r="AX27" s="2"/>
      <c r="AY27" s="2"/>
      <c r="AZ27" s="2"/>
    </row>
    <row r="28" spans="2:52" ht="22.5" customHeight="1" x14ac:dyDescent="0.2">
      <c r="B28" s="482"/>
      <c r="C28" s="481"/>
      <c r="D28" s="703"/>
      <c r="E28" s="50"/>
      <c r="F28" s="175"/>
      <c r="G28" s="175"/>
      <c r="H28" s="175"/>
      <c r="I28" s="175"/>
      <c r="J28" s="175"/>
      <c r="K28" s="175"/>
      <c r="L28" s="175"/>
      <c r="M28" s="175"/>
      <c r="N28" s="175"/>
      <c r="O28" s="175"/>
      <c r="P28" s="175"/>
      <c r="Q28" s="175"/>
      <c r="R28" s="175"/>
      <c r="S28" s="175"/>
      <c r="T28" s="175"/>
      <c r="U28" s="175"/>
      <c r="V28" s="175"/>
      <c r="W28" s="175"/>
      <c r="X28" s="175"/>
      <c r="Y28" s="175"/>
      <c r="Z28" s="188"/>
      <c r="AA28" s="185"/>
      <c r="AB28" s="186"/>
      <c r="AC28" s="186"/>
      <c r="AD28" s="186"/>
      <c r="AE28" s="187"/>
      <c r="AF28" s="189"/>
      <c r="AG28" s="190"/>
      <c r="AH28" s="190"/>
      <c r="AI28" s="190"/>
      <c r="AJ28" s="190"/>
      <c r="AK28" s="190"/>
      <c r="AL28" s="190"/>
      <c r="AM28" s="190"/>
      <c r="AN28" s="190"/>
      <c r="AO28" s="190"/>
      <c r="AP28" s="190"/>
      <c r="AQ28" s="190"/>
      <c r="AR28" s="190"/>
      <c r="AS28" s="191"/>
      <c r="AT28" s="481"/>
      <c r="AU28" s="482"/>
      <c r="AV28" s="1"/>
      <c r="AW28" s="1"/>
      <c r="AX28" s="2"/>
      <c r="AY28" s="2"/>
      <c r="AZ28" s="2"/>
    </row>
    <row r="29" spans="2:52" ht="22.5" customHeight="1" x14ac:dyDescent="0.2">
      <c r="B29" s="482"/>
      <c r="C29" s="481"/>
      <c r="D29" s="703"/>
      <c r="E29" s="44" t="s">
        <v>230</v>
      </c>
      <c r="F29" s="44"/>
      <c r="G29" s="44"/>
      <c r="H29" s="44"/>
      <c r="I29" s="44"/>
      <c r="J29" s="44"/>
      <c r="K29" s="44"/>
      <c r="L29" s="44"/>
      <c r="M29" s="44"/>
      <c r="N29" s="44"/>
      <c r="O29" s="44"/>
      <c r="P29" s="44"/>
      <c r="Q29" s="44"/>
      <c r="R29" s="44"/>
      <c r="S29" s="44"/>
      <c r="T29" s="44"/>
      <c r="U29" s="44"/>
      <c r="V29" s="44"/>
      <c r="W29" s="44"/>
      <c r="X29" s="44"/>
      <c r="Y29" s="44"/>
      <c r="Z29" s="44"/>
      <c r="AA29" s="56" t="s">
        <v>52</v>
      </c>
      <c r="AB29" s="47"/>
      <c r="AC29" s="47"/>
      <c r="AD29" s="47"/>
      <c r="AE29" s="47"/>
      <c r="AF29" s="41"/>
      <c r="AG29" s="44"/>
      <c r="AH29" s="44"/>
      <c r="AI29" s="44"/>
      <c r="AJ29" s="44"/>
      <c r="AK29" s="44"/>
      <c r="AL29" s="44"/>
      <c r="AM29" s="44"/>
      <c r="AN29" s="44"/>
      <c r="AO29" s="44"/>
      <c r="AP29" s="44"/>
      <c r="AQ29" s="44"/>
      <c r="AR29" s="44"/>
      <c r="AS29" s="45"/>
      <c r="AT29" s="481"/>
      <c r="AU29" s="482"/>
      <c r="AV29" s="1"/>
      <c r="AW29" s="1"/>
      <c r="AX29" s="2"/>
      <c r="AY29" s="2"/>
      <c r="AZ29" s="2"/>
    </row>
    <row r="30" spans="2:52" ht="22.5" customHeight="1" x14ac:dyDescent="0.2">
      <c r="B30" s="482"/>
      <c r="C30" s="481"/>
      <c r="D30" s="703"/>
      <c r="E30" s="59"/>
      <c r="F30" s="197"/>
      <c r="G30" s="197"/>
      <c r="H30" s="197"/>
      <c r="I30" s="197"/>
      <c r="J30" s="197"/>
      <c r="K30" s="197"/>
      <c r="L30" s="197"/>
      <c r="M30" s="197"/>
      <c r="N30" s="197"/>
      <c r="O30" s="197"/>
      <c r="P30" s="197"/>
      <c r="Q30" s="197"/>
      <c r="R30" s="197"/>
      <c r="S30" s="197"/>
      <c r="T30" s="197"/>
      <c r="U30" s="197"/>
      <c r="V30" s="197"/>
      <c r="W30" s="197"/>
      <c r="X30" s="197"/>
      <c r="Y30" s="197"/>
      <c r="Z30" s="198"/>
      <c r="AA30" s="60"/>
      <c r="AB30" s="199"/>
      <c r="AC30" s="199"/>
      <c r="AD30" s="199"/>
      <c r="AE30" s="199"/>
      <c r="AF30" s="199"/>
      <c r="AG30" s="199"/>
      <c r="AH30" s="199"/>
      <c r="AI30" s="199"/>
      <c r="AJ30" s="199"/>
      <c r="AK30" s="199"/>
      <c r="AL30" s="199"/>
      <c r="AM30" s="199"/>
      <c r="AN30" s="199"/>
      <c r="AO30" s="199"/>
      <c r="AP30" s="199"/>
      <c r="AQ30" s="199"/>
      <c r="AR30" s="199"/>
      <c r="AS30" s="200"/>
      <c r="AT30" s="481"/>
      <c r="AU30" s="482"/>
      <c r="AV30" s="1"/>
      <c r="AW30" s="1"/>
      <c r="AX30" s="2"/>
      <c r="AY30" s="2"/>
      <c r="AZ30" s="2"/>
    </row>
    <row r="31" spans="2:52" ht="22.5" customHeight="1" x14ac:dyDescent="0.2">
      <c r="B31" s="482"/>
      <c r="C31" s="84"/>
      <c r="D31" s="703"/>
      <c r="E31" s="754" t="s">
        <v>80</v>
      </c>
      <c r="F31" s="755"/>
      <c r="G31" s="755"/>
      <c r="H31" s="755"/>
      <c r="I31" s="755"/>
      <c r="J31" s="755"/>
      <c r="K31" s="755"/>
      <c r="L31" s="755"/>
      <c r="M31" s="755"/>
      <c r="N31" s="58" t="s">
        <v>60</v>
      </c>
      <c r="O31" s="759" t="s">
        <v>96</v>
      </c>
      <c r="P31" s="759"/>
      <c r="Q31" s="759"/>
      <c r="R31" s="759"/>
      <c r="S31" s="759"/>
      <c r="T31" s="759"/>
      <c r="U31" s="759"/>
      <c r="V31" s="759"/>
      <c r="W31" s="759"/>
      <c r="X31" s="759"/>
      <c r="Y31" s="759"/>
      <c r="Z31" s="759"/>
      <c r="AA31" s="759"/>
      <c r="AB31" s="759"/>
      <c r="AC31" s="759"/>
      <c r="AD31" s="759"/>
      <c r="AE31" s="759"/>
      <c r="AF31" s="759"/>
      <c r="AG31" s="759"/>
      <c r="AH31" s="759"/>
      <c r="AI31" s="759"/>
      <c r="AJ31" s="759"/>
      <c r="AK31" s="759"/>
      <c r="AL31" s="759"/>
      <c r="AM31" s="759"/>
      <c r="AN31" s="759"/>
      <c r="AO31" s="759"/>
      <c r="AP31" s="760"/>
      <c r="AQ31" s="760"/>
      <c r="AR31" s="760"/>
      <c r="AS31" s="761"/>
      <c r="AT31" s="2"/>
      <c r="AU31" s="2"/>
      <c r="AV31" s="2"/>
    </row>
    <row r="32" spans="2:52" ht="22.5" customHeight="1" x14ac:dyDescent="0.2">
      <c r="B32" s="482"/>
      <c r="C32" s="84"/>
      <c r="D32" s="703"/>
      <c r="E32" s="756"/>
      <c r="F32" s="710"/>
      <c r="G32" s="710"/>
      <c r="H32" s="710"/>
      <c r="I32" s="710"/>
      <c r="J32" s="710"/>
      <c r="K32" s="710"/>
      <c r="L32" s="710"/>
      <c r="M32" s="710"/>
      <c r="N32" s="766" t="s">
        <v>46</v>
      </c>
      <c r="O32" s="767"/>
      <c r="P32" s="61" t="s">
        <v>81</v>
      </c>
      <c r="Q32" s="61"/>
      <c r="R32" s="42"/>
      <c r="S32" s="42"/>
      <c r="T32" s="42"/>
      <c r="U32" s="42"/>
      <c r="V32" s="42"/>
      <c r="W32" s="480"/>
      <c r="X32" s="43"/>
      <c r="Y32" s="43"/>
      <c r="Z32" s="43"/>
      <c r="AA32" s="43"/>
      <c r="AB32" s="46"/>
      <c r="AC32" s="42"/>
      <c r="AD32" s="42"/>
      <c r="AE32" s="42"/>
      <c r="AF32" s="42"/>
      <c r="AG32" s="42"/>
      <c r="AH32" s="42"/>
      <c r="AI32" s="42"/>
      <c r="AJ32" s="42"/>
      <c r="AK32" s="42"/>
      <c r="AL32" s="42"/>
      <c r="AM32" s="42"/>
      <c r="AN32" s="42"/>
      <c r="AO32" s="42"/>
      <c r="AP32" s="762"/>
      <c r="AQ32" s="762"/>
      <c r="AR32" s="762"/>
      <c r="AS32" s="763"/>
      <c r="AT32" s="2"/>
      <c r="AU32" s="2"/>
      <c r="AV32" s="2"/>
    </row>
    <row r="33" spans="1:52" ht="22.5" customHeight="1" thickBot="1" x14ac:dyDescent="0.25">
      <c r="B33" s="482"/>
      <c r="C33" s="84"/>
      <c r="D33" s="727"/>
      <c r="E33" s="757"/>
      <c r="F33" s="758"/>
      <c r="G33" s="758"/>
      <c r="H33" s="758"/>
      <c r="I33" s="758"/>
      <c r="J33" s="758"/>
      <c r="K33" s="758"/>
      <c r="L33" s="758"/>
      <c r="M33" s="758"/>
      <c r="N33" s="768" t="s">
        <v>51</v>
      </c>
      <c r="O33" s="769"/>
      <c r="P33" s="127" t="s">
        <v>82</v>
      </c>
      <c r="Q33" s="127"/>
      <c r="R33" s="48"/>
      <c r="S33" s="48"/>
      <c r="T33" s="48"/>
      <c r="U33" s="48"/>
      <c r="V33" s="48"/>
      <c r="W33" s="57"/>
      <c r="X33" s="48"/>
      <c r="Y33" s="48"/>
      <c r="Z33" s="48"/>
      <c r="AA33" s="48"/>
      <c r="AB33" s="48"/>
      <c r="AC33" s="48"/>
      <c r="AD33" s="48"/>
      <c r="AE33" s="48"/>
      <c r="AF33" s="48"/>
      <c r="AG33" s="48"/>
      <c r="AH33" s="48"/>
      <c r="AI33" s="48"/>
      <c r="AJ33" s="48"/>
      <c r="AK33" s="48"/>
      <c r="AL33" s="48"/>
      <c r="AM33" s="48"/>
      <c r="AN33" s="48"/>
      <c r="AO33" s="48"/>
      <c r="AP33" s="764"/>
      <c r="AQ33" s="764"/>
      <c r="AR33" s="764"/>
      <c r="AS33" s="765"/>
      <c r="AT33" s="2"/>
      <c r="AU33" s="2"/>
      <c r="AV33" s="2"/>
    </row>
    <row r="34" spans="1:52" ht="54" customHeight="1" x14ac:dyDescent="0.2">
      <c r="B34" s="482"/>
      <c r="C34" s="84"/>
      <c r="D34" s="702" t="s">
        <v>13</v>
      </c>
      <c r="E34" s="704" t="s">
        <v>136</v>
      </c>
      <c r="F34" s="705"/>
      <c r="G34" s="705"/>
      <c r="H34" s="705"/>
      <c r="I34" s="705"/>
      <c r="J34" s="705"/>
      <c r="K34" s="705"/>
      <c r="L34" s="705"/>
      <c r="M34" s="705"/>
      <c r="N34" s="705"/>
      <c r="O34" s="705"/>
      <c r="P34" s="705"/>
      <c r="Q34" s="705"/>
      <c r="R34" s="705"/>
      <c r="S34" s="705"/>
      <c r="T34" s="705"/>
      <c r="U34" s="705"/>
      <c r="V34" s="705"/>
      <c r="W34" s="705"/>
      <c r="X34" s="705"/>
      <c r="Y34" s="705"/>
      <c r="Z34" s="705"/>
      <c r="AA34" s="705"/>
      <c r="AB34" s="705"/>
      <c r="AC34" s="705"/>
      <c r="AD34" s="705"/>
      <c r="AE34" s="705"/>
      <c r="AF34" s="705"/>
      <c r="AG34" s="705"/>
      <c r="AH34" s="705"/>
      <c r="AI34" s="705"/>
      <c r="AJ34" s="705"/>
      <c r="AK34" s="705"/>
      <c r="AL34" s="705"/>
      <c r="AM34" s="705"/>
      <c r="AN34" s="705"/>
      <c r="AO34" s="706"/>
      <c r="AP34" s="707" t="s">
        <v>51</v>
      </c>
      <c r="AQ34" s="707"/>
      <c r="AR34" s="707"/>
      <c r="AS34" s="708"/>
      <c r="AT34" s="6"/>
      <c r="AU34" s="6"/>
    </row>
    <row r="35" spans="1:52" ht="54" customHeight="1" thickBot="1" x14ac:dyDescent="0.25">
      <c r="B35" s="482"/>
      <c r="C35" s="84"/>
      <c r="D35" s="703"/>
      <c r="E35" s="709" t="s">
        <v>165</v>
      </c>
      <c r="F35" s="710"/>
      <c r="G35" s="710"/>
      <c r="H35" s="710"/>
      <c r="I35" s="710"/>
      <c r="J35" s="710"/>
      <c r="K35" s="710"/>
      <c r="L35" s="710"/>
      <c r="M35" s="710"/>
      <c r="N35" s="710"/>
      <c r="O35" s="710"/>
      <c r="P35" s="710"/>
      <c r="Q35" s="710"/>
      <c r="R35" s="710"/>
      <c r="S35" s="710"/>
      <c r="T35" s="710"/>
      <c r="U35" s="710"/>
      <c r="V35" s="710"/>
      <c r="W35" s="710"/>
      <c r="X35" s="710"/>
      <c r="Y35" s="710"/>
      <c r="Z35" s="710"/>
      <c r="AA35" s="710"/>
      <c r="AB35" s="710"/>
      <c r="AC35" s="710"/>
      <c r="AD35" s="710"/>
      <c r="AE35" s="710"/>
      <c r="AF35" s="710"/>
      <c r="AG35" s="710"/>
      <c r="AH35" s="710"/>
      <c r="AI35" s="710"/>
      <c r="AJ35" s="710"/>
      <c r="AK35" s="710"/>
      <c r="AL35" s="710"/>
      <c r="AM35" s="710"/>
      <c r="AN35" s="710"/>
      <c r="AO35" s="711"/>
      <c r="AP35" s="712" t="s">
        <v>51</v>
      </c>
      <c r="AQ35" s="712"/>
      <c r="AR35" s="712"/>
      <c r="AS35" s="713"/>
      <c r="AT35" s="6"/>
      <c r="AU35" s="6"/>
    </row>
    <row r="36" spans="1:52" s="4" customFormat="1" ht="22.5" customHeight="1" x14ac:dyDescent="0.2">
      <c r="A36" s="18"/>
      <c r="B36" s="482"/>
      <c r="C36" s="84"/>
      <c r="D36" s="702" t="s">
        <v>31</v>
      </c>
      <c r="E36" s="728" t="s">
        <v>97</v>
      </c>
      <c r="F36" s="729"/>
      <c r="G36" s="729"/>
      <c r="H36" s="729"/>
      <c r="I36" s="729"/>
      <c r="J36" s="729"/>
      <c r="K36" s="729"/>
      <c r="L36" s="729"/>
      <c r="M36" s="729"/>
      <c r="N36" s="729"/>
      <c r="O36" s="729"/>
      <c r="P36" s="729"/>
      <c r="Q36" s="729"/>
      <c r="R36" s="729"/>
      <c r="S36" s="729"/>
      <c r="T36" s="729"/>
      <c r="U36" s="729"/>
      <c r="V36" s="729"/>
      <c r="W36" s="729"/>
      <c r="X36" s="729"/>
      <c r="Y36" s="729"/>
      <c r="Z36" s="729"/>
      <c r="AA36" s="729"/>
      <c r="AB36" s="729"/>
      <c r="AC36" s="729"/>
      <c r="AD36" s="729"/>
      <c r="AE36" s="729"/>
      <c r="AF36" s="730" t="s">
        <v>32</v>
      </c>
      <c r="AG36" s="729"/>
      <c r="AH36" s="729"/>
      <c r="AI36" s="729"/>
      <c r="AJ36" s="729"/>
      <c r="AK36" s="729"/>
      <c r="AL36" s="729"/>
      <c r="AM36" s="729"/>
      <c r="AN36" s="729"/>
      <c r="AO36" s="729"/>
      <c r="AP36" s="729"/>
      <c r="AQ36" s="729"/>
      <c r="AR36" s="729"/>
      <c r="AS36" s="731"/>
      <c r="AT36" s="6"/>
      <c r="AU36" s="6"/>
      <c r="AV36" s="3"/>
      <c r="AW36" s="16"/>
      <c r="AX36" s="17"/>
      <c r="AY36" s="17"/>
      <c r="AZ36" s="17"/>
    </row>
    <row r="37" spans="1:52" s="21" customFormat="1" ht="18" customHeight="1" x14ac:dyDescent="0.2">
      <c r="A37" s="3"/>
      <c r="B37" s="482"/>
      <c r="C37" s="84"/>
      <c r="D37" s="703"/>
      <c r="E37" s="732">
        <v>1</v>
      </c>
      <c r="F37" s="714"/>
      <c r="G37" s="714"/>
      <c r="H37" s="714"/>
      <c r="I37" s="714"/>
      <c r="J37" s="714"/>
      <c r="K37" s="714"/>
      <c r="L37" s="714"/>
      <c r="M37" s="714"/>
      <c r="N37" s="714"/>
      <c r="O37" s="714"/>
      <c r="P37" s="714"/>
      <c r="Q37" s="714"/>
      <c r="R37" s="714"/>
      <c r="S37" s="714"/>
      <c r="T37" s="714"/>
      <c r="U37" s="714"/>
      <c r="V37" s="714"/>
      <c r="W37" s="714"/>
      <c r="X37" s="714"/>
      <c r="Y37" s="714"/>
      <c r="Z37" s="714"/>
      <c r="AA37" s="714"/>
      <c r="AB37" s="714"/>
      <c r="AC37" s="714"/>
      <c r="AD37" s="714"/>
      <c r="AE37" s="714"/>
      <c r="AF37" s="716"/>
      <c r="AG37" s="717"/>
      <c r="AH37" s="717"/>
      <c r="AI37" s="717"/>
      <c r="AJ37" s="717"/>
      <c r="AK37" s="717"/>
      <c r="AL37" s="717"/>
      <c r="AM37" s="717"/>
      <c r="AN37" s="717"/>
      <c r="AO37" s="717"/>
      <c r="AP37" s="717"/>
      <c r="AQ37" s="717"/>
      <c r="AR37" s="717"/>
      <c r="AS37" s="718"/>
      <c r="AT37" s="6"/>
      <c r="AU37" s="6"/>
      <c r="AV37" s="18"/>
      <c r="AW37" s="19"/>
      <c r="AX37" s="20"/>
      <c r="AY37" s="20"/>
      <c r="AZ37" s="20"/>
    </row>
    <row r="38" spans="1:52" s="4" customFormat="1" ht="18" customHeight="1" x14ac:dyDescent="0.2">
      <c r="A38" s="3"/>
      <c r="B38" s="482"/>
      <c r="C38" s="84"/>
      <c r="D38" s="703"/>
      <c r="E38" s="733"/>
      <c r="F38" s="714"/>
      <c r="G38" s="714"/>
      <c r="H38" s="714"/>
      <c r="I38" s="714"/>
      <c r="J38" s="714"/>
      <c r="K38" s="714"/>
      <c r="L38" s="714"/>
      <c r="M38" s="714"/>
      <c r="N38" s="714"/>
      <c r="O38" s="714"/>
      <c r="P38" s="714"/>
      <c r="Q38" s="714"/>
      <c r="R38" s="714"/>
      <c r="S38" s="714"/>
      <c r="T38" s="714"/>
      <c r="U38" s="714"/>
      <c r="V38" s="714"/>
      <c r="W38" s="714"/>
      <c r="X38" s="714"/>
      <c r="Y38" s="714"/>
      <c r="Z38" s="714"/>
      <c r="AA38" s="714"/>
      <c r="AB38" s="714"/>
      <c r="AC38" s="714"/>
      <c r="AD38" s="714"/>
      <c r="AE38" s="714"/>
      <c r="AF38" s="734"/>
      <c r="AG38" s="735"/>
      <c r="AH38" s="735"/>
      <c r="AI38" s="735"/>
      <c r="AJ38" s="735"/>
      <c r="AK38" s="735"/>
      <c r="AL38" s="735"/>
      <c r="AM38" s="735"/>
      <c r="AN38" s="735"/>
      <c r="AO38" s="735"/>
      <c r="AP38" s="735"/>
      <c r="AQ38" s="735"/>
      <c r="AR38" s="735"/>
      <c r="AS38" s="736"/>
      <c r="AT38" s="6"/>
      <c r="AU38" s="6"/>
      <c r="AV38" s="3"/>
      <c r="AW38" s="16"/>
      <c r="AX38" s="17"/>
      <c r="AY38" s="17"/>
      <c r="AZ38" s="17"/>
    </row>
    <row r="39" spans="1:52" s="4" customFormat="1" ht="18" customHeight="1" x14ac:dyDescent="0.2">
      <c r="A39" s="18"/>
      <c r="B39" s="482"/>
      <c r="C39" s="84"/>
      <c r="D39" s="703"/>
      <c r="E39" s="737">
        <v>2</v>
      </c>
      <c r="F39" s="714"/>
      <c r="G39" s="714"/>
      <c r="H39" s="714"/>
      <c r="I39" s="714"/>
      <c r="J39" s="714"/>
      <c r="K39" s="714"/>
      <c r="L39" s="714"/>
      <c r="M39" s="714"/>
      <c r="N39" s="714"/>
      <c r="O39" s="714"/>
      <c r="P39" s="714"/>
      <c r="Q39" s="714"/>
      <c r="R39" s="714"/>
      <c r="S39" s="714"/>
      <c r="T39" s="714"/>
      <c r="U39" s="714"/>
      <c r="V39" s="714"/>
      <c r="W39" s="714"/>
      <c r="X39" s="714"/>
      <c r="Y39" s="714"/>
      <c r="Z39" s="714"/>
      <c r="AA39" s="714"/>
      <c r="AB39" s="714"/>
      <c r="AC39" s="714"/>
      <c r="AD39" s="714"/>
      <c r="AE39" s="714"/>
      <c r="AF39" s="716"/>
      <c r="AG39" s="717"/>
      <c r="AH39" s="717"/>
      <c r="AI39" s="717"/>
      <c r="AJ39" s="717"/>
      <c r="AK39" s="717"/>
      <c r="AL39" s="717"/>
      <c r="AM39" s="717"/>
      <c r="AN39" s="717"/>
      <c r="AO39" s="717"/>
      <c r="AP39" s="717"/>
      <c r="AQ39" s="717"/>
      <c r="AR39" s="717"/>
      <c r="AS39" s="718"/>
      <c r="AT39" s="6"/>
      <c r="AU39" s="6"/>
      <c r="AV39" s="3"/>
      <c r="AW39" s="16"/>
      <c r="AX39" s="17"/>
      <c r="AY39" s="17"/>
      <c r="AZ39" s="17"/>
    </row>
    <row r="40" spans="1:52" s="21" customFormat="1" ht="18" customHeight="1" x14ac:dyDescent="0.2">
      <c r="A40" s="3"/>
      <c r="B40" s="482"/>
      <c r="C40" s="84"/>
      <c r="D40" s="703"/>
      <c r="E40" s="738"/>
      <c r="F40" s="714"/>
      <c r="G40" s="714"/>
      <c r="H40" s="714"/>
      <c r="I40" s="714"/>
      <c r="J40" s="714"/>
      <c r="K40" s="714"/>
      <c r="L40" s="714"/>
      <c r="M40" s="714"/>
      <c r="N40" s="714"/>
      <c r="O40" s="714"/>
      <c r="P40" s="714"/>
      <c r="Q40" s="714"/>
      <c r="R40" s="714"/>
      <c r="S40" s="714"/>
      <c r="T40" s="714"/>
      <c r="U40" s="714"/>
      <c r="V40" s="714"/>
      <c r="W40" s="714"/>
      <c r="X40" s="714"/>
      <c r="Y40" s="714"/>
      <c r="Z40" s="714"/>
      <c r="AA40" s="714"/>
      <c r="AB40" s="714"/>
      <c r="AC40" s="714"/>
      <c r="AD40" s="714"/>
      <c r="AE40" s="714"/>
      <c r="AF40" s="734"/>
      <c r="AG40" s="735"/>
      <c r="AH40" s="735"/>
      <c r="AI40" s="735"/>
      <c r="AJ40" s="735"/>
      <c r="AK40" s="735"/>
      <c r="AL40" s="735"/>
      <c r="AM40" s="735"/>
      <c r="AN40" s="735"/>
      <c r="AO40" s="735"/>
      <c r="AP40" s="735"/>
      <c r="AQ40" s="735"/>
      <c r="AR40" s="735"/>
      <c r="AS40" s="736"/>
      <c r="AT40" s="6"/>
      <c r="AU40" s="6"/>
      <c r="AV40" s="18"/>
      <c r="AW40" s="19"/>
      <c r="AX40" s="20"/>
      <c r="AY40" s="20"/>
      <c r="AZ40" s="20"/>
    </row>
    <row r="41" spans="1:52" s="4" customFormat="1" ht="18" customHeight="1" x14ac:dyDescent="0.2">
      <c r="A41" s="3"/>
      <c r="B41" s="482"/>
      <c r="C41" s="84"/>
      <c r="D41" s="703"/>
      <c r="E41" s="739">
        <v>3</v>
      </c>
      <c r="F41" s="714"/>
      <c r="G41" s="714"/>
      <c r="H41" s="714"/>
      <c r="I41" s="714"/>
      <c r="J41" s="714"/>
      <c r="K41" s="714"/>
      <c r="L41" s="714"/>
      <c r="M41" s="714"/>
      <c r="N41" s="714"/>
      <c r="O41" s="714"/>
      <c r="P41" s="714"/>
      <c r="Q41" s="714"/>
      <c r="R41" s="714"/>
      <c r="S41" s="714"/>
      <c r="T41" s="714"/>
      <c r="U41" s="714"/>
      <c r="V41" s="714"/>
      <c r="W41" s="714"/>
      <c r="X41" s="714"/>
      <c r="Y41" s="714"/>
      <c r="Z41" s="714"/>
      <c r="AA41" s="714"/>
      <c r="AB41" s="714"/>
      <c r="AC41" s="714"/>
      <c r="AD41" s="714"/>
      <c r="AE41" s="714"/>
      <c r="AF41" s="716"/>
      <c r="AG41" s="717"/>
      <c r="AH41" s="717"/>
      <c r="AI41" s="717"/>
      <c r="AJ41" s="717"/>
      <c r="AK41" s="717"/>
      <c r="AL41" s="717"/>
      <c r="AM41" s="717"/>
      <c r="AN41" s="717"/>
      <c r="AO41" s="717"/>
      <c r="AP41" s="717"/>
      <c r="AQ41" s="717"/>
      <c r="AR41" s="717"/>
      <c r="AS41" s="718"/>
      <c r="AT41" s="6"/>
      <c r="AU41" s="6"/>
      <c r="AV41" s="3"/>
      <c r="AW41" s="16"/>
      <c r="AX41" s="17"/>
      <c r="AY41" s="17"/>
      <c r="AZ41" s="17"/>
    </row>
    <row r="42" spans="1:52" s="4" customFormat="1" ht="18" customHeight="1" thickBot="1" x14ac:dyDescent="0.25">
      <c r="A42" s="18"/>
      <c r="B42" s="482"/>
      <c r="C42" s="84"/>
      <c r="D42" s="727"/>
      <c r="E42" s="740"/>
      <c r="F42" s="715"/>
      <c r="G42" s="715"/>
      <c r="H42" s="715"/>
      <c r="I42" s="715"/>
      <c r="J42" s="715"/>
      <c r="K42" s="715"/>
      <c r="L42" s="715"/>
      <c r="M42" s="715"/>
      <c r="N42" s="715"/>
      <c r="O42" s="715"/>
      <c r="P42" s="715"/>
      <c r="Q42" s="715"/>
      <c r="R42" s="715"/>
      <c r="S42" s="715"/>
      <c r="T42" s="715"/>
      <c r="U42" s="715"/>
      <c r="V42" s="715"/>
      <c r="W42" s="715"/>
      <c r="X42" s="715"/>
      <c r="Y42" s="715"/>
      <c r="Z42" s="715"/>
      <c r="AA42" s="715"/>
      <c r="AB42" s="715"/>
      <c r="AC42" s="715"/>
      <c r="AD42" s="715"/>
      <c r="AE42" s="715"/>
      <c r="AF42" s="719"/>
      <c r="AG42" s="720"/>
      <c r="AH42" s="720"/>
      <c r="AI42" s="720"/>
      <c r="AJ42" s="720"/>
      <c r="AK42" s="720"/>
      <c r="AL42" s="720"/>
      <c r="AM42" s="720"/>
      <c r="AN42" s="720"/>
      <c r="AO42" s="720"/>
      <c r="AP42" s="720"/>
      <c r="AQ42" s="720"/>
      <c r="AR42" s="720"/>
      <c r="AS42" s="721"/>
      <c r="AT42" s="6"/>
      <c r="AU42" s="6"/>
      <c r="AV42" s="3"/>
      <c r="AW42" s="16"/>
      <c r="AX42" s="17"/>
      <c r="AY42" s="17"/>
      <c r="AZ42" s="17"/>
    </row>
    <row r="43" spans="1:52" s="10" customFormat="1" ht="22.5" customHeight="1" x14ac:dyDescent="0.2">
      <c r="A43" s="7"/>
      <c r="B43" s="482"/>
      <c r="C43" s="84"/>
      <c r="D43" s="582" t="s">
        <v>84</v>
      </c>
      <c r="E43" s="151" t="s">
        <v>3</v>
      </c>
      <c r="F43" s="152"/>
      <c r="G43" s="152"/>
      <c r="H43" s="152"/>
      <c r="I43" s="722"/>
      <c r="J43" s="722"/>
      <c r="K43" s="722"/>
      <c r="L43" s="722"/>
      <c r="M43" s="722"/>
      <c r="N43" s="722"/>
      <c r="O43" s="722"/>
      <c r="P43" s="722"/>
      <c r="Q43" s="722"/>
      <c r="R43" s="722"/>
      <c r="S43" s="722"/>
      <c r="T43" s="722"/>
      <c r="U43" s="722"/>
      <c r="V43" s="722"/>
      <c r="W43" s="722"/>
      <c r="X43" s="722"/>
      <c r="Y43" s="722"/>
      <c r="Z43" s="722"/>
      <c r="AA43" s="722"/>
      <c r="AB43" s="722"/>
      <c r="AC43" s="722"/>
      <c r="AD43" s="722"/>
      <c r="AE43" s="723"/>
      <c r="AF43" s="153" t="s">
        <v>11</v>
      </c>
      <c r="AG43" s="152"/>
      <c r="AH43" s="152"/>
      <c r="AI43" s="152"/>
      <c r="AJ43" s="152"/>
      <c r="AK43" s="152"/>
      <c r="AL43" s="152"/>
      <c r="AM43" s="152"/>
      <c r="AN43" s="152"/>
      <c r="AO43" s="152"/>
      <c r="AP43" s="152"/>
      <c r="AQ43" s="152"/>
      <c r="AR43" s="152"/>
      <c r="AS43" s="154"/>
      <c r="AT43" s="6"/>
      <c r="AU43" s="6"/>
      <c r="AV43" s="7"/>
      <c r="AW43" s="15"/>
      <c r="AX43" s="15"/>
      <c r="AY43" s="15"/>
      <c r="AZ43" s="15"/>
    </row>
    <row r="44" spans="1:52" s="10" customFormat="1" ht="22.5" customHeight="1" x14ac:dyDescent="0.2">
      <c r="A44" s="7"/>
      <c r="B44" s="482"/>
      <c r="C44" s="84"/>
      <c r="D44" s="584"/>
      <c r="E44" s="62" t="s">
        <v>85</v>
      </c>
      <c r="F44" s="61"/>
      <c r="G44" s="61"/>
      <c r="H44" s="61"/>
      <c r="I44" s="61"/>
      <c r="J44" s="61"/>
      <c r="K44" s="61"/>
      <c r="L44" s="61"/>
      <c r="M44" s="61"/>
      <c r="N44" s="61"/>
      <c r="O44" s="61"/>
      <c r="P44" s="61"/>
      <c r="Q44" s="61"/>
      <c r="R44" s="61"/>
      <c r="S44" s="61"/>
      <c r="T44" s="61"/>
      <c r="U44" s="61"/>
      <c r="V44" s="61"/>
      <c r="W44" s="61"/>
      <c r="X44" s="61"/>
      <c r="Y44" s="61"/>
      <c r="Z44" s="61"/>
      <c r="AA44" s="61"/>
      <c r="AB44" s="61"/>
      <c r="AC44" s="61"/>
      <c r="AD44" s="61"/>
      <c r="AE44" s="61"/>
      <c r="AF44" s="67"/>
      <c r="AG44" s="61"/>
      <c r="AH44" s="61"/>
      <c r="AI44" s="61"/>
      <c r="AJ44" s="61"/>
      <c r="AK44" s="61"/>
      <c r="AL44" s="61"/>
      <c r="AM44" s="61"/>
      <c r="AN44" s="61"/>
      <c r="AO44" s="61"/>
      <c r="AP44" s="61"/>
      <c r="AQ44" s="61"/>
      <c r="AR44" s="61"/>
      <c r="AS44" s="68"/>
      <c r="AT44" s="6"/>
      <c r="AU44" s="6"/>
      <c r="AV44" s="7"/>
      <c r="AW44" s="8"/>
      <c r="AX44" s="9"/>
      <c r="AY44" s="9"/>
      <c r="AZ44" s="9"/>
    </row>
    <row r="45" spans="1:52" s="10" customFormat="1" ht="22.5" customHeight="1" thickBot="1" x14ac:dyDescent="0.25">
      <c r="A45" s="1"/>
      <c r="B45" s="482"/>
      <c r="C45" s="84"/>
      <c r="D45" s="585"/>
      <c r="E45" s="69"/>
      <c r="F45" s="724"/>
      <c r="G45" s="724"/>
      <c r="H45" s="724"/>
      <c r="I45" s="724"/>
      <c r="J45" s="724"/>
      <c r="K45" s="724"/>
      <c r="L45" s="724"/>
      <c r="M45" s="724"/>
      <c r="N45" s="724"/>
      <c r="O45" s="724"/>
      <c r="P45" s="724"/>
      <c r="Q45" s="724"/>
      <c r="R45" s="724"/>
      <c r="S45" s="724"/>
      <c r="T45" s="724"/>
      <c r="U45" s="724"/>
      <c r="V45" s="724"/>
      <c r="W45" s="724"/>
      <c r="X45" s="724"/>
      <c r="Y45" s="724"/>
      <c r="Z45" s="724"/>
      <c r="AA45" s="724"/>
      <c r="AB45" s="724"/>
      <c r="AC45" s="724"/>
      <c r="AD45" s="724"/>
      <c r="AE45" s="725"/>
      <c r="AF45" s="75"/>
      <c r="AG45" s="726"/>
      <c r="AH45" s="726"/>
      <c r="AI45" s="726"/>
      <c r="AJ45" s="726"/>
      <c r="AK45" s="726"/>
      <c r="AL45" s="726"/>
      <c r="AM45" s="726"/>
      <c r="AN45" s="726"/>
      <c r="AO45" s="726"/>
      <c r="AP45" s="726"/>
      <c r="AQ45" s="726"/>
      <c r="AR45" s="726"/>
      <c r="AS45" s="70"/>
      <c r="AT45" s="6"/>
      <c r="AU45" s="6"/>
      <c r="AV45" s="7"/>
      <c r="AW45" s="8"/>
      <c r="AX45" s="9"/>
      <c r="AY45" s="9"/>
      <c r="AZ45" s="9"/>
    </row>
    <row r="46" spans="1:52" s="10" customFormat="1" ht="6" customHeight="1" x14ac:dyDescent="0.2">
      <c r="A46" s="1"/>
      <c r="B46" s="482"/>
      <c r="C46" s="84"/>
      <c r="D46" s="145"/>
      <c r="E46" s="146"/>
      <c r="F46" s="147"/>
      <c r="G46" s="147"/>
      <c r="H46" s="147"/>
      <c r="I46" s="147"/>
      <c r="J46" s="147"/>
      <c r="K46" s="147"/>
      <c r="L46" s="147"/>
      <c r="M46" s="147"/>
      <c r="N46" s="147"/>
      <c r="O46" s="147"/>
      <c r="P46" s="147"/>
      <c r="Q46" s="147"/>
      <c r="R46" s="147"/>
      <c r="S46" s="147"/>
      <c r="T46" s="147"/>
      <c r="U46" s="147"/>
      <c r="V46" s="147"/>
      <c r="W46" s="147"/>
      <c r="X46" s="147"/>
      <c r="Y46" s="147"/>
      <c r="Z46" s="147"/>
      <c r="AA46" s="147"/>
      <c r="AB46" s="147"/>
      <c r="AC46" s="147"/>
      <c r="AD46" s="147"/>
      <c r="AE46" s="147"/>
      <c r="AF46" s="61"/>
      <c r="AG46" s="144"/>
      <c r="AH46" s="144"/>
      <c r="AI46" s="144"/>
      <c r="AJ46" s="144"/>
      <c r="AK46" s="144"/>
      <c r="AL46" s="144"/>
      <c r="AM46" s="144"/>
      <c r="AN46" s="144"/>
      <c r="AO46" s="144"/>
      <c r="AP46" s="144"/>
      <c r="AQ46" s="144"/>
      <c r="AR46" s="144"/>
      <c r="AS46" s="61"/>
      <c r="AT46" s="6"/>
      <c r="AU46" s="6"/>
      <c r="AV46" s="7"/>
      <c r="AW46" s="8"/>
      <c r="AX46" s="9"/>
      <c r="AY46" s="9"/>
      <c r="AZ46" s="9"/>
    </row>
    <row r="47" spans="1:52" ht="13.5" customHeight="1" x14ac:dyDescent="0.2">
      <c r="B47" s="482"/>
      <c r="C47" s="481"/>
      <c r="D47" s="681" t="s">
        <v>179</v>
      </c>
      <c r="E47" s="681"/>
      <c r="F47" s="681"/>
      <c r="G47" s="681"/>
      <c r="H47" s="681"/>
      <c r="I47" s="681"/>
      <c r="J47" s="681"/>
      <c r="K47" s="681"/>
      <c r="L47" s="681"/>
      <c r="M47" s="681"/>
      <c r="N47" s="681"/>
      <c r="O47" s="681"/>
      <c r="P47" s="681"/>
      <c r="Q47" s="681"/>
      <c r="R47" s="681"/>
      <c r="S47" s="681"/>
      <c r="T47" s="681"/>
      <c r="U47" s="681"/>
      <c r="V47" s="42"/>
      <c r="W47" s="42"/>
      <c r="X47" s="42"/>
      <c r="Y47" s="42"/>
      <c r="Z47" s="42"/>
      <c r="AA47" s="55"/>
      <c r="AB47" s="42"/>
      <c r="AC47" s="42"/>
      <c r="AD47" s="42"/>
      <c r="AE47" s="42"/>
      <c r="AF47" s="42"/>
      <c r="AG47" s="42"/>
      <c r="AH47" s="42"/>
      <c r="AI47" s="42"/>
      <c r="AJ47" s="42"/>
      <c r="AK47" s="42"/>
      <c r="AL47" s="42"/>
      <c r="AM47" s="42"/>
      <c r="AN47" s="42"/>
      <c r="AO47" s="42"/>
      <c r="AP47" s="42"/>
      <c r="AQ47" s="42"/>
      <c r="AR47" s="42"/>
      <c r="AS47" s="42"/>
      <c r="AT47" s="481"/>
      <c r="AU47" s="482"/>
      <c r="AV47" s="1"/>
      <c r="AW47" s="1"/>
      <c r="AX47" s="2"/>
      <c r="AY47" s="2"/>
      <c r="AZ47" s="2"/>
    </row>
    <row r="48" spans="1:52" s="155" customFormat="1" ht="9.9" customHeight="1" thickBot="1" x14ac:dyDescent="0.25">
      <c r="B48" s="156"/>
      <c r="C48" s="84"/>
      <c r="D48" s="681"/>
      <c r="E48" s="681"/>
      <c r="F48" s="681"/>
      <c r="G48" s="681"/>
      <c r="H48" s="681"/>
      <c r="I48" s="681"/>
      <c r="J48" s="681"/>
      <c r="K48" s="681"/>
      <c r="L48" s="681"/>
      <c r="M48" s="681"/>
      <c r="N48" s="681"/>
      <c r="O48" s="681"/>
      <c r="P48" s="681"/>
      <c r="Q48" s="681"/>
      <c r="R48" s="681"/>
      <c r="S48" s="681"/>
      <c r="T48" s="681"/>
      <c r="U48" s="681"/>
      <c r="V48" s="84"/>
      <c r="W48" s="84"/>
      <c r="X48" s="84"/>
      <c r="Y48" s="84"/>
      <c r="Z48" s="84"/>
      <c r="AA48" s="84"/>
      <c r="AB48" s="84"/>
      <c r="AC48" s="84"/>
      <c r="AD48" s="84"/>
      <c r="AE48" s="84"/>
      <c r="AF48" s="84"/>
      <c r="AG48" s="84"/>
      <c r="AH48" s="84"/>
      <c r="AI48" s="84"/>
      <c r="AJ48" s="84"/>
      <c r="AK48" s="84"/>
      <c r="AL48" s="84"/>
      <c r="AM48" s="84"/>
      <c r="AN48" s="84"/>
      <c r="AO48" s="84"/>
      <c r="AP48" s="84"/>
      <c r="AQ48" s="84"/>
      <c r="AR48" s="84"/>
      <c r="AS48" s="84"/>
      <c r="AT48" s="84"/>
      <c r="AU48" s="156"/>
      <c r="AV48" s="157"/>
      <c r="AW48" s="157"/>
      <c r="AX48" s="157"/>
      <c r="AY48" s="157"/>
      <c r="AZ48" s="157"/>
    </row>
    <row r="49" spans="2:52" s="155" customFormat="1" ht="36.75" customHeight="1" x14ac:dyDescent="0.2">
      <c r="B49" s="156"/>
      <c r="C49" s="84"/>
      <c r="D49" s="645" t="s">
        <v>117</v>
      </c>
      <c r="E49" s="682" t="s">
        <v>50</v>
      </c>
      <c r="F49" s="683"/>
      <c r="G49" s="683"/>
      <c r="H49" s="683"/>
      <c r="I49" s="683"/>
      <c r="J49" s="683"/>
      <c r="K49" s="683"/>
      <c r="L49" s="683"/>
      <c r="M49" s="683"/>
      <c r="N49" s="683"/>
      <c r="O49" s="683"/>
      <c r="P49" s="683"/>
      <c r="Q49" s="683"/>
      <c r="R49" s="683"/>
      <c r="S49" s="683"/>
      <c r="T49" s="683"/>
      <c r="U49" s="683"/>
      <c r="V49" s="683"/>
      <c r="W49" s="683"/>
      <c r="X49" s="683"/>
      <c r="Y49" s="683"/>
      <c r="Z49" s="683"/>
      <c r="AA49" s="683"/>
      <c r="AB49" s="683"/>
      <c r="AC49" s="683"/>
      <c r="AD49" s="683"/>
      <c r="AE49" s="683"/>
      <c r="AF49" s="683"/>
      <c r="AG49" s="683"/>
      <c r="AH49" s="683"/>
      <c r="AI49" s="683"/>
      <c r="AJ49" s="683"/>
      <c r="AK49" s="683"/>
      <c r="AL49" s="683"/>
      <c r="AM49" s="683"/>
      <c r="AN49" s="683"/>
      <c r="AO49" s="683"/>
      <c r="AP49" s="684"/>
      <c r="AQ49" s="685" t="s">
        <v>162</v>
      </c>
      <c r="AR49" s="686"/>
      <c r="AS49" s="687"/>
      <c r="AT49" s="481"/>
      <c r="AU49" s="156"/>
    </row>
    <row r="50" spans="2:52" s="155" customFormat="1" ht="36.75" customHeight="1" x14ac:dyDescent="0.2">
      <c r="B50" s="156"/>
      <c r="C50" s="84"/>
      <c r="D50" s="646"/>
      <c r="E50" s="688" t="s">
        <v>64</v>
      </c>
      <c r="F50" s="689"/>
      <c r="G50" s="690" t="s">
        <v>172</v>
      </c>
      <c r="H50" s="690"/>
      <c r="I50" s="690"/>
      <c r="J50" s="690"/>
      <c r="K50" s="690"/>
      <c r="L50" s="690"/>
      <c r="M50" s="690"/>
      <c r="N50" s="690"/>
      <c r="O50" s="690"/>
      <c r="P50" s="690"/>
      <c r="Q50" s="690"/>
      <c r="R50" s="690"/>
      <c r="S50" s="690"/>
      <c r="T50" s="690"/>
      <c r="U50" s="690"/>
      <c r="V50" s="690"/>
      <c r="W50" s="690"/>
      <c r="X50" s="690"/>
      <c r="Y50" s="690"/>
      <c r="Z50" s="690"/>
      <c r="AA50" s="690"/>
      <c r="AB50" s="690"/>
      <c r="AC50" s="690"/>
      <c r="AD50" s="690"/>
      <c r="AE50" s="690"/>
      <c r="AF50" s="690"/>
      <c r="AG50" s="690"/>
      <c r="AH50" s="690"/>
      <c r="AI50" s="690"/>
      <c r="AJ50" s="690"/>
      <c r="AK50" s="690"/>
      <c r="AL50" s="690"/>
      <c r="AM50" s="690"/>
      <c r="AN50" s="690"/>
      <c r="AO50" s="690"/>
      <c r="AP50" s="691"/>
      <c r="AQ50" s="692" t="s">
        <v>51</v>
      </c>
      <c r="AR50" s="693"/>
      <c r="AS50" s="694"/>
      <c r="AT50" s="481"/>
      <c r="AU50" s="156"/>
    </row>
    <row r="51" spans="2:52" s="155" customFormat="1" ht="36.75" customHeight="1" x14ac:dyDescent="0.2">
      <c r="B51" s="156"/>
      <c r="C51" s="84"/>
      <c r="D51" s="646"/>
      <c r="E51" s="688" t="s">
        <v>65</v>
      </c>
      <c r="F51" s="689"/>
      <c r="G51" s="690" t="s">
        <v>45</v>
      </c>
      <c r="H51" s="690"/>
      <c r="I51" s="690"/>
      <c r="J51" s="690"/>
      <c r="K51" s="690"/>
      <c r="L51" s="690"/>
      <c r="M51" s="690"/>
      <c r="N51" s="690"/>
      <c r="O51" s="690"/>
      <c r="P51" s="690"/>
      <c r="Q51" s="690"/>
      <c r="R51" s="690"/>
      <c r="S51" s="690"/>
      <c r="T51" s="690"/>
      <c r="U51" s="690"/>
      <c r="V51" s="690"/>
      <c r="W51" s="690"/>
      <c r="X51" s="690"/>
      <c r="Y51" s="690"/>
      <c r="Z51" s="690"/>
      <c r="AA51" s="690"/>
      <c r="AB51" s="690"/>
      <c r="AC51" s="690"/>
      <c r="AD51" s="690"/>
      <c r="AE51" s="690"/>
      <c r="AF51" s="690"/>
      <c r="AG51" s="690"/>
      <c r="AH51" s="690"/>
      <c r="AI51" s="690"/>
      <c r="AJ51" s="690"/>
      <c r="AK51" s="690"/>
      <c r="AL51" s="690"/>
      <c r="AM51" s="690"/>
      <c r="AN51" s="690"/>
      <c r="AO51" s="690"/>
      <c r="AP51" s="691"/>
      <c r="AQ51" s="692" t="s">
        <v>51</v>
      </c>
      <c r="AR51" s="693"/>
      <c r="AS51" s="694"/>
      <c r="AT51" s="481"/>
      <c r="AU51" s="156"/>
    </row>
    <row r="52" spans="2:52" s="155" customFormat="1" ht="36.75" customHeight="1" thickBot="1" x14ac:dyDescent="0.25">
      <c r="B52" s="156"/>
      <c r="C52" s="84"/>
      <c r="D52" s="647"/>
      <c r="E52" s="695" t="s">
        <v>66</v>
      </c>
      <c r="F52" s="696"/>
      <c r="G52" s="697" t="s">
        <v>67</v>
      </c>
      <c r="H52" s="697"/>
      <c r="I52" s="697"/>
      <c r="J52" s="697"/>
      <c r="K52" s="697"/>
      <c r="L52" s="697"/>
      <c r="M52" s="697"/>
      <c r="N52" s="697"/>
      <c r="O52" s="697"/>
      <c r="P52" s="697"/>
      <c r="Q52" s="697"/>
      <c r="R52" s="697"/>
      <c r="S52" s="697"/>
      <c r="T52" s="697"/>
      <c r="U52" s="697"/>
      <c r="V52" s="697"/>
      <c r="W52" s="697"/>
      <c r="X52" s="697"/>
      <c r="Y52" s="697"/>
      <c r="Z52" s="697"/>
      <c r="AA52" s="697"/>
      <c r="AB52" s="697"/>
      <c r="AC52" s="697"/>
      <c r="AD52" s="697"/>
      <c r="AE52" s="697"/>
      <c r="AF52" s="697"/>
      <c r="AG52" s="697"/>
      <c r="AH52" s="697"/>
      <c r="AI52" s="697"/>
      <c r="AJ52" s="697"/>
      <c r="AK52" s="697"/>
      <c r="AL52" s="697"/>
      <c r="AM52" s="697"/>
      <c r="AN52" s="697"/>
      <c r="AO52" s="697"/>
      <c r="AP52" s="698"/>
      <c r="AQ52" s="699" t="s">
        <v>51</v>
      </c>
      <c r="AR52" s="700"/>
      <c r="AS52" s="701"/>
      <c r="AT52" s="481"/>
      <c r="AU52" s="156"/>
    </row>
    <row r="53" spans="2:52" ht="22.5" customHeight="1" x14ac:dyDescent="0.2">
      <c r="B53" s="156"/>
      <c r="C53" s="84"/>
      <c r="D53" s="645" t="s">
        <v>118</v>
      </c>
      <c r="E53" s="648" t="s">
        <v>144</v>
      </c>
      <c r="F53" s="649"/>
      <c r="G53" s="649"/>
      <c r="H53" s="649"/>
      <c r="I53" s="649"/>
      <c r="J53" s="649"/>
      <c r="K53" s="649"/>
      <c r="L53" s="650"/>
      <c r="M53" s="311" t="s">
        <v>145</v>
      </c>
      <c r="N53" s="311"/>
      <c r="O53" s="311"/>
      <c r="P53" s="311"/>
      <c r="Q53" s="311"/>
      <c r="R53" s="311"/>
      <c r="S53" s="311"/>
      <c r="T53" s="311"/>
      <c r="U53" s="311"/>
      <c r="V53" s="311"/>
      <c r="W53" s="311"/>
      <c r="X53" s="311"/>
      <c r="Y53" s="311"/>
      <c r="Z53" s="311"/>
      <c r="AA53" s="312"/>
      <c r="AB53" s="312"/>
      <c r="AC53" s="312"/>
      <c r="AD53" s="312"/>
      <c r="AE53" s="312"/>
      <c r="AF53" s="311"/>
      <c r="AG53" s="311"/>
      <c r="AH53" s="311"/>
      <c r="AI53" s="311"/>
      <c r="AJ53" s="311"/>
      <c r="AK53" s="311"/>
      <c r="AL53" s="311"/>
      <c r="AM53" s="311"/>
      <c r="AN53" s="311"/>
      <c r="AO53" s="311"/>
      <c r="AP53" s="311"/>
      <c r="AQ53" s="313"/>
      <c r="AR53" s="313"/>
      <c r="AS53" s="314"/>
      <c r="AT53" s="481"/>
      <c r="AU53" s="482"/>
      <c r="AV53" s="1"/>
      <c r="AW53" s="1"/>
      <c r="AX53" s="2"/>
      <c r="AY53" s="2"/>
      <c r="AZ53" s="2"/>
    </row>
    <row r="54" spans="2:52" ht="22.5" customHeight="1" x14ac:dyDescent="0.2">
      <c r="B54" s="156"/>
      <c r="C54" s="84"/>
      <c r="D54" s="646"/>
      <c r="E54" s="651"/>
      <c r="F54" s="652"/>
      <c r="G54" s="652"/>
      <c r="H54" s="652"/>
      <c r="I54" s="652"/>
      <c r="J54" s="652"/>
      <c r="K54" s="652"/>
      <c r="L54" s="653"/>
      <c r="M54" s="315" t="s">
        <v>146</v>
      </c>
      <c r="N54" s="315"/>
      <c r="O54" s="315"/>
      <c r="P54" s="315"/>
      <c r="Q54" s="315" t="s">
        <v>147</v>
      </c>
      <c r="R54" s="315"/>
      <c r="S54" s="315"/>
      <c r="T54" s="315"/>
      <c r="U54" s="315"/>
      <c r="V54" s="315"/>
      <c r="W54" s="315" t="s">
        <v>148</v>
      </c>
      <c r="X54" s="315"/>
      <c r="Y54" s="315"/>
      <c r="Z54" s="315"/>
      <c r="AA54" s="316"/>
      <c r="AB54" s="316"/>
      <c r="AC54" s="316"/>
      <c r="AD54" s="316"/>
      <c r="AE54" s="316"/>
      <c r="AF54" s="315"/>
      <c r="AG54" s="315"/>
      <c r="AH54" s="315"/>
      <c r="AI54" s="315"/>
      <c r="AJ54" s="315"/>
      <c r="AK54" s="315"/>
      <c r="AL54" s="315"/>
      <c r="AM54" s="315"/>
      <c r="AN54" s="315"/>
      <c r="AO54" s="315"/>
      <c r="AP54" s="315"/>
      <c r="AQ54" s="317"/>
      <c r="AR54" s="317"/>
      <c r="AS54" s="318"/>
      <c r="AT54" s="481"/>
      <c r="AU54" s="482"/>
      <c r="AV54" s="1"/>
      <c r="AW54" s="1"/>
      <c r="AX54" s="2"/>
      <c r="AY54" s="2"/>
      <c r="AZ54" s="2"/>
    </row>
    <row r="55" spans="2:52" ht="22.5" customHeight="1" x14ac:dyDescent="0.2">
      <c r="B55" s="156"/>
      <c r="C55" s="84"/>
      <c r="D55" s="646"/>
      <c r="E55" s="651"/>
      <c r="F55" s="652"/>
      <c r="G55" s="652"/>
      <c r="H55" s="652"/>
      <c r="I55" s="652"/>
      <c r="J55" s="652"/>
      <c r="K55" s="652"/>
      <c r="L55" s="653"/>
      <c r="M55" s="315" t="s">
        <v>149</v>
      </c>
      <c r="N55" s="315"/>
      <c r="O55" s="315"/>
      <c r="P55" s="315"/>
      <c r="Q55" s="315" t="s">
        <v>150</v>
      </c>
      <c r="R55" s="315"/>
      <c r="S55" s="315"/>
      <c r="T55" s="315"/>
      <c r="U55" s="315"/>
      <c r="V55" s="315"/>
      <c r="W55" s="315" t="s">
        <v>173</v>
      </c>
      <c r="X55" s="315"/>
      <c r="Y55" s="315"/>
      <c r="Z55" s="315"/>
      <c r="AA55" s="316"/>
      <c r="AB55" s="316"/>
      <c r="AC55" s="315" t="s">
        <v>174</v>
      </c>
      <c r="AD55" s="319"/>
      <c r="AE55" s="316"/>
      <c r="AF55" s="315"/>
      <c r="AG55" s="315"/>
      <c r="AH55" s="315"/>
      <c r="AI55" s="315"/>
      <c r="AJ55" s="315"/>
      <c r="AK55" s="315"/>
      <c r="AL55" s="315"/>
      <c r="AM55" s="315"/>
      <c r="AN55" s="315"/>
      <c r="AO55" s="315"/>
      <c r="AP55" s="315"/>
      <c r="AQ55" s="317"/>
      <c r="AR55" s="317"/>
      <c r="AS55" s="318"/>
      <c r="AT55" s="481"/>
      <c r="AU55" s="482"/>
      <c r="AV55" s="1"/>
      <c r="AW55" s="1"/>
      <c r="AX55" s="2"/>
      <c r="AY55" s="2"/>
      <c r="AZ55" s="2"/>
    </row>
    <row r="56" spans="2:52" ht="22.5" customHeight="1" x14ac:dyDescent="0.2">
      <c r="B56" s="156"/>
      <c r="C56" s="84"/>
      <c r="D56" s="646"/>
      <c r="E56" s="654"/>
      <c r="F56" s="655"/>
      <c r="G56" s="655"/>
      <c r="H56" s="655"/>
      <c r="I56" s="655"/>
      <c r="J56" s="655"/>
      <c r="K56" s="655"/>
      <c r="L56" s="656"/>
      <c r="M56" s="320" t="s">
        <v>151</v>
      </c>
      <c r="N56" s="320"/>
      <c r="O56" s="320"/>
      <c r="P56" s="320"/>
      <c r="Q56" s="320" t="s">
        <v>152</v>
      </c>
      <c r="R56" s="320"/>
      <c r="S56" s="320"/>
      <c r="T56" s="320"/>
      <c r="U56" s="320"/>
      <c r="V56" s="320"/>
      <c r="W56" s="320" t="s">
        <v>175</v>
      </c>
      <c r="X56" s="320"/>
      <c r="Y56" s="320"/>
      <c r="Z56" s="320"/>
      <c r="AA56" s="321"/>
      <c r="AB56" s="321"/>
      <c r="AC56" s="321"/>
      <c r="AD56" s="321"/>
      <c r="AE56" s="321"/>
      <c r="AF56" s="320"/>
      <c r="AG56" s="320"/>
      <c r="AH56" s="320"/>
      <c r="AI56" s="320"/>
      <c r="AJ56" s="320"/>
      <c r="AK56" s="320"/>
      <c r="AL56" s="320"/>
      <c r="AM56" s="320"/>
      <c r="AN56" s="320"/>
      <c r="AO56" s="320"/>
      <c r="AP56" s="320"/>
      <c r="AQ56" s="322"/>
      <c r="AR56" s="322"/>
      <c r="AS56" s="323"/>
      <c r="AT56" s="481"/>
      <c r="AU56" s="482"/>
      <c r="AV56" s="1"/>
      <c r="AW56" s="1"/>
      <c r="AX56" s="2"/>
      <c r="AY56" s="2"/>
      <c r="AZ56" s="2"/>
    </row>
    <row r="57" spans="2:52" ht="22.5" customHeight="1" x14ac:dyDescent="0.2">
      <c r="B57" s="156"/>
      <c r="C57" s="84"/>
      <c r="D57" s="646"/>
      <c r="E57" s="324" t="s">
        <v>3</v>
      </c>
      <c r="F57" s="325"/>
      <c r="G57" s="325"/>
      <c r="H57" s="325"/>
      <c r="I57" s="657"/>
      <c r="J57" s="657"/>
      <c r="K57" s="657"/>
      <c r="L57" s="657"/>
      <c r="M57" s="657"/>
      <c r="N57" s="657"/>
      <c r="O57" s="657"/>
      <c r="P57" s="657"/>
      <c r="Q57" s="657"/>
      <c r="R57" s="657"/>
      <c r="S57" s="657"/>
      <c r="T57" s="657"/>
      <c r="U57" s="657"/>
      <c r="V57" s="657"/>
      <c r="W57" s="657"/>
      <c r="X57" s="657"/>
      <c r="Y57" s="657"/>
      <c r="Z57" s="658"/>
      <c r="AA57" s="659" t="s">
        <v>8</v>
      </c>
      <c r="AB57" s="660"/>
      <c r="AC57" s="660"/>
      <c r="AD57" s="660"/>
      <c r="AE57" s="661"/>
      <c r="AF57" s="662"/>
      <c r="AG57" s="663"/>
      <c r="AH57" s="663"/>
      <c r="AI57" s="663"/>
      <c r="AJ57" s="663"/>
      <c r="AK57" s="663"/>
      <c r="AL57" s="663"/>
      <c r="AM57" s="663"/>
      <c r="AN57" s="663"/>
      <c r="AO57" s="663"/>
      <c r="AP57" s="663"/>
      <c r="AQ57" s="663"/>
      <c r="AR57" s="663"/>
      <c r="AS57" s="664"/>
      <c r="AT57" s="481"/>
      <c r="AU57" s="482"/>
      <c r="AV57" s="1"/>
      <c r="AW57" s="1"/>
      <c r="AX57" s="2"/>
      <c r="AY57" s="2"/>
      <c r="AZ57" s="2"/>
    </row>
    <row r="58" spans="2:52" ht="22.5" customHeight="1" x14ac:dyDescent="0.2">
      <c r="B58" s="156"/>
      <c r="C58" s="84"/>
      <c r="D58" s="646"/>
      <c r="E58" s="326" t="s">
        <v>93</v>
      </c>
      <c r="F58" s="327"/>
      <c r="G58" s="327"/>
      <c r="H58" s="327"/>
      <c r="I58" s="327"/>
      <c r="J58" s="327"/>
      <c r="K58" s="327"/>
      <c r="L58" s="327"/>
      <c r="M58" s="327"/>
      <c r="N58" s="327"/>
      <c r="O58" s="327"/>
      <c r="P58" s="327"/>
      <c r="Q58" s="327"/>
      <c r="R58" s="327"/>
      <c r="S58" s="327"/>
      <c r="T58" s="327"/>
      <c r="U58" s="327"/>
      <c r="V58" s="327"/>
      <c r="W58" s="327"/>
      <c r="X58" s="327"/>
      <c r="Y58" s="327"/>
      <c r="Z58" s="327"/>
      <c r="AA58" s="665" t="s">
        <v>9</v>
      </c>
      <c r="AB58" s="666"/>
      <c r="AC58" s="666"/>
      <c r="AD58" s="666"/>
      <c r="AE58" s="667"/>
      <c r="AF58" s="671" t="s">
        <v>70</v>
      </c>
      <c r="AG58" s="672"/>
      <c r="AH58" s="672"/>
      <c r="AI58" s="672"/>
      <c r="AJ58" s="672"/>
      <c r="AK58" s="672"/>
      <c r="AL58" s="672"/>
      <c r="AM58" s="672"/>
      <c r="AN58" s="672"/>
      <c r="AO58" s="672"/>
      <c r="AP58" s="672"/>
      <c r="AQ58" s="672"/>
      <c r="AR58" s="672"/>
      <c r="AS58" s="673"/>
      <c r="AT58" s="481"/>
      <c r="AU58" s="482"/>
      <c r="AV58" s="1"/>
      <c r="AW58" s="1"/>
      <c r="AX58" s="2"/>
      <c r="AY58" s="2"/>
      <c r="AZ58" s="2"/>
    </row>
    <row r="59" spans="2:52" ht="22.5" customHeight="1" x14ac:dyDescent="0.2">
      <c r="B59" s="156"/>
      <c r="C59" s="84"/>
      <c r="D59" s="646"/>
      <c r="E59" s="328"/>
      <c r="F59" s="674"/>
      <c r="G59" s="674"/>
      <c r="H59" s="674"/>
      <c r="I59" s="674"/>
      <c r="J59" s="674"/>
      <c r="K59" s="674"/>
      <c r="L59" s="674"/>
      <c r="M59" s="674"/>
      <c r="N59" s="674"/>
      <c r="O59" s="674"/>
      <c r="P59" s="674"/>
      <c r="Q59" s="674"/>
      <c r="R59" s="674"/>
      <c r="S59" s="674"/>
      <c r="T59" s="674"/>
      <c r="U59" s="674"/>
      <c r="V59" s="674"/>
      <c r="W59" s="674"/>
      <c r="X59" s="674"/>
      <c r="Y59" s="674"/>
      <c r="Z59" s="675"/>
      <c r="AA59" s="668"/>
      <c r="AB59" s="669"/>
      <c r="AC59" s="669"/>
      <c r="AD59" s="669"/>
      <c r="AE59" s="670"/>
      <c r="AF59" s="676"/>
      <c r="AG59" s="677"/>
      <c r="AH59" s="677"/>
      <c r="AI59" s="677"/>
      <c r="AJ59" s="677"/>
      <c r="AK59" s="677"/>
      <c r="AL59" s="677"/>
      <c r="AM59" s="677"/>
      <c r="AN59" s="677"/>
      <c r="AO59" s="677"/>
      <c r="AP59" s="677"/>
      <c r="AQ59" s="677"/>
      <c r="AR59" s="677"/>
      <c r="AS59" s="678"/>
      <c r="AT59" s="481"/>
      <c r="AU59" s="482"/>
      <c r="AV59" s="1"/>
      <c r="AW59" s="1"/>
      <c r="AX59" s="2"/>
      <c r="AY59" s="2"/>
      <c r="AZ59" s="2"/>
    </row>
    <row r="60" spans="2:52" ht="22.5" customHeight="1" x14ac:dyDescent="0.2">
      <c r="B60" s="156"/>
      <c r="C60" s="84"/>
      <c r="D60" s="646"/>
      <c r="E60" s="329" t="s">
        <v>72</v>
      </c>
      <c r="F60" s="329"/>
      <c r="G60" s="329"/>
      <c r="H60" s="329"/>
      <c r="I60" s="329"/>
      <c r="J60" s="329"/>
      <c r="K60" s="329"/>
      <c r="L60" s="329"/>
      <c r="M60" s="329"/>
      <c r="N60" s="329"/>
      <c r="O60" s="329"/>
      <c r="P60" s="329"/>
      <c r="Q60" s="329"/>
      <c r="R60" s="329"/>
      <c r="S60" s="329"/>
      <c r="T60" s="329"/>
      <c r="U60" s="329"/>
      <c r="V60" s="329"/>
      <c r="W60" s="329"/>
      <c r="X60" s="329"/>
      <c r="Y60" s="329"/>
      <c r="Z60" s="329"/>
      <c r="AA60" s="330" t="s">
        <v>73</v>
      </c>
      <c r="AB60" s="331"/>
      <c r="AC60" s="332"/>
      <c r="AD60" s="332"/>
      <c r="AE60" s="332"/>
      <c r="AF60" s="333" t="s">
        <v>153</v>
      </c>
      <c r="AG60" s="334"/>
      <c r="AH60" s="335"/>
      <c r="AI60" s="335"/>
      <c r="AJ60" s="335"/>
      <c r="AK60" s="335"/>
      <c r="AL60" s="335"/>
      <c r="AM60" s="335"/>
      <c r="AN60" s="335"/>
      <c r="AO60" s="335"/>
      <c r="AP60" s="335"/>
      <c r="AQ60" s="335"/>
      <c r="AR60" s="335"/>
      <c r="AS60" s="336"/>
      <c r="AT60" s="481"/>
      <c r="AU60" s="482"/>
      <c r="AV60" s="1"/>
      <c r="AW60" s="1"/>
      <c r="AX60" s="2"/>
      <c r="AY60" s="2"/>
      <c r="AZ60" s="2"/>
    </row>
    <row r="61" spans="2:52" ht="22.5" customHeight="1" x14ac:dyDescent="0.2">
      <c r="B61" s="156"/>
      <c r="C61" s="84"/>
      <c r="D61" s="646"/>
      <c r="E61" s="337" t="s">
        <v>74</v>
      </c>
      <c r="F61" s="338" t="s">
        <v>48</v>
      </c>
      <c r="G61" s="338"/>
      <c r="H61" s="338" t="s">
        <v>75</v>
      </c>
      <c r="I61" s="339" t="s">
        <v>51</v>
      </c>
      <c r="J61" s="338" t="s">
        <v>76</v>
      </c>
      <c r="K61" s="338"/>
      <c r="L61" s="338"/>
      <c r="M61" s="339" t="s">
        <v>51</v>
      </c>
      <c r="N61" s="338" t="s">
        <v>77</v>
      </c>
      <c r="O61" s="338"/>
      <c r="P61" s="338"/>
      <c r="Q61" s="338"/>
      <c r="R61" s="339" t="s">
        <v>51</v>
      </c>
      <c r="S61" s="338" t="s">
        <v>78</v>
      </c>
      <c r="T61" s="338"/>
      <c r="U61" s="338"/>
      <c r="V61" s="338"/>
      <c r="W61" s="340" t="s">
        <v>47</v>
      </c>
      <c r="X61" s="338"/>
      <c r="Y61" s="338"/>
      <c r="Z61" s="341"/>
      <c r="AA61" s="342"/>
      <c r="AB61" s="343"/>
      <c r="AC61" s="343"/>
      <c r="AD61" s="343"/>
      <c r="AE61" s="343"/>
      <c r="AF61" s="344"/>
      <c r="AG61" s="327"/>
      <c r="AH61" s="327"/>
      <c r="AI61" s="327"/>
      <c r="AJ61" s="327"/>
      <c r="AK61" s="327"/>
      <c r="AL61" s="327"/>
      <c r="AM61" s="327"/>
      <c r="AN61" s="327"/>
      <c r="AO61" s="327"/>
      <c r="AP61" s="327"/>
      <c r="AQ61" s="327"/>
      <c r="AR61" s="327"/>
      <c r="AS61" s="345"/>
      <c r="AT61" s="481"/>
      <c r="AU61" s="482"/>
      <c r="AV61" s="1"/>
      <c r="AW61" s="1"/>
      <c r="AX61" s="2"/>
      <c r="AY61" s="2"/>
      <c r="AZ61" s="2"/>
    </row>
    <row r="62" spans="2:52" ht="22.5" customHeight="1" thickBot="1" x14ac:dyDescent="0.25">
      <c r="B62" s="156"/>
      <c r="C62" s="84"/>
      <c r="D62" s="647"/>
      <c r="E62" s="346" t="s">
        <v>79</v>
      </c>
      <c r="F62" s="484" t="s">
        <v>51</v>
      </c>
      <c r="G62" s="327" t="s">
        <v>49</v>
      </c>
      <c r="H62" s="347"/>
      <c r="I62" s="347"/>
      <c r="J62" s="347"/>
      <c r="K62" s="347"/>
      <c r="L62" s="347"/>
      <c r="M62" s="347"/>
      <c r="N62" s="347"/>
      <c r="O62" s="347"/>
      <c r="P62" s="347"/>
      <c r="Q62" s="347"/>
      <c r="R62" s="347"/>
      <c r="S62" s="347"/>
      <c r="T62" s="347"/>
      <c r="U62" s="347"/>
      <c r="V62" s="347"/>
      <c r="W62" s="347"/>
      <c r="X62" s="347"/>
      <c r="Y62" s="347"/>
      <c r="Z62" s="348"/>
      <c r="AA62" s="349"/>
      <c r="AB62" s="679"/>
      <c r="AC62" s="679"/>
      <c r="AD62" s="679"/>
      <c r="AE62" s="679"/>
      <c r="AF62" s="679"/>
      <c r="AG62" s="679"/>
      <c r="AH62" s="679"/>
      <c r="AI62" s="679"/>
      <c r="AJ62" s="679"/>
      <c r="AK62" s="679"/>
      <c r="AL62" s="679"/>
      <c r="AM62" s="679"/>
      <c r="AN62" s="679"/>
      <c r="AO62" s="679"/>
      <c r="AP62" s="679"/>
      <c r="AQ62" s="679"/>
      <c r="AR62" s="679"/>
      <c r="AS62" s="680"/>
      <c r="AT62" s="481"/>
      <c r="AU62" s="482"/>
      <c r="AV62" s="1"/>
      <c r="AW62" s="1"/>
      <c r="AX62" s="2"/>
      <c r="AY62" s="2"/>
      <c r="AZ62" s="2"/>
    </row>
    <row r="63" spans="2:52" ht="31.5" customHeight="1" x14ac:dyDescent="0.2">
      <c r="B63" s="604"/>
      <c r="C63" s="605"/>
      <c r="D63" s="595" t="s">
        <v>13</v>
      </c>
      <c r="E63" s="607" t="s">
        <v>135</v>
      </c>
      <c r="F63" s="608"/>
      <c r="G63" s="608"/>
      <c r="H63" s="608"/>
      <c r="I63" s="608"/>
      <c r="J63" s="608"/>
      <c r="K63" s="608"/>
      <c r="L63" s="608"/>
      <c r="M63" s="608"/>
      <c r="N63" s="608"/>
      <c r="O63" s="608"/>
      <c r="P63" s="608"/>
      <c r="Q63" s="608"/>
      <c r="R63" s="608"/>
      <c r="S63" s="608"/>
      <c r="T63" s="608"/>
      <c r="U63" s="608"/>
      <c r="V63" s="609"/>
      <c r="W63" s="610" t="s">
        <v>51</v>
      </c>
      <c r="X63" s="610"/>
      <c r="Y63" s="610"/>
      <c r="Z63" s="611"/>
      <c r="AA63" s="612" t="s">
        <v>232</v>
      </c>
      <c r="AB63" s="613"/>
      <c r="AC63" s="613"/>
      <c r="AD63" s="613"/>
      <c r="AE63" s="613"/>
      <c r="AF63" s="613"/>
      <c r="AG63" s="613"/>
      <c r="AH63" s="613"/>
      <c r="AI63" s="613"/>
      <c r="AJ63" s="613"/>
      <c r="AK63" s="613"/>
      <c r="AL63" s="613"/>
      <c r="AM63" s="613"/>
      <c r="AN63" s="613"/>
      <c r="AO63" s="614"/>
      <c r="AP63" s="615" t="s">
        <v>51</v>
      </c>
      <c r="AQ63" s="615"/>
      <c r="AR63" s="615"/>
      <c r="AS63" s="616"/>
      <c r="AT63" s="617"/>
      <c r="AU63" s="604"/>
      <c r="AV63" s="1"/>
      <c r="AW63" s="5"/>
      <c r="AX63" s="6"/>
      <c r="AY63" s="6"/>
      <c r="AZ63" s="6"/>
    </row>
    <row r="64" spans="2:52" ht="32.4" customHeight="1" x14ac:dyDescent="0.2">
      <c r="B64" s="604"/>
      <c r="C64" s="605"/>
      <c r="D64" s="596"/>
      <c r="E64" s="551" t="s">
        <v>231</v>
      </c>
      <c r="F64" s="552"/>
      <c r="G64" s="552"/>
      <c r="H64" s="552"/>
      <c r="I64" s="552"/>
      <c r="J64" s="552"/>
      <c r="K64" s="552"/>
      <c r="L64" s="552"/>
      <c r="M64" s="552"/>
      <c r="N64" s="552"/>
      <c r="O64" s="552"/>
      <c r="P64" s="552"/>
      <c r="Q64" s="552"/>
      <c r="R64" s="552"/>
      <c r="S64" s="552"/>
      <c r="T64" s="552"/>
      <c r="U64" s="552"/>
      <c r="V64" s="553"/>
      <c r="W64" s="554" t="s">
        <v>51</v>
      </c>
      <c r="X64" s="554"/>
      <c r="Y64" s="554"/>
      <c r="Z64" s="555"/>
      <c r="AA64" s="556" t="s">
        <v>129</v>
      </c>
      <c r="AB64" s="557"/>
      <c r="AC64" s="557"/>
      <c r="AD64" s="557"/>
      <c r="AE64" s="557"/>
      <c r="AF64" s="557"/>
      <c r="AG64" s="557"/>
      <c r="AH64" s="557"/>
      <c r="AI64" s="557"/>
      <c r="AJ64" s="557"/>
      <c r="AK64" s="557"/>
      <c r="AL64" s="557"/>
      <c r="AM64" s="557"/>
      <c r="AN64" s="557"/>
      <c r="AO64" s="558"/>
      <c r="AP64" s="618" t="s">
        <v>51</v>
      </c>
      <c r="AQ64" s="618"/>
      <c r="AR64" s="618"/>
      <c r="AS64" s="619"/>
      <c r="AT64" s="617"/>
      <c r="AU64" s="604"/>
      <c r="AV64" s="1"/>
      <c r="AW64" s="5"/>
      <c r="AX64" s="6"/>
      <c r="AY64" s="6"/>
      <c r="AZ64" s="6"/>
    </row>
    <row r="65" spans="1:52" s="10" customFormat="1" ht="29.4" customHeight="1" x14ac:dyDescent="0.45">
      <c r="A65" s="11"/>
      <c r="B65" s="604"/>
      <c r="C65" s="605"/>
      <c r="D65" s="596"/>
      <c r="E65" s="350" t="s">
        <v>3</v>
      </c>
      <c r="F65" s="351"/>
      <c r="G65" s="351"/>
      <c r="H65" s="351"/>
      <c r="I65" s="620"/>
      <c r="J65" s="620"/>
      <c r="K65" s="620"/>
      <c r="L65" s="620"/>
      <c r="M65" s="620"/>
      <c r="N65" s="620"/>
      <c r="O65" s="620"/>
      <c r="P65" s="620"/>
      <c r="Q65" s="620"/>
      <c r="R65" s="620"/>
      <c r="S65" s="620"/>
      <c r="T65" s="620"/>
      <c r="U65" s="620"/>
      <c r="V65" s="620"/>
      <c r="W65" s="620"/>
      <c r="X65" s="620"/>
      <c r="Y65" s="620"/>
      <c r="Z65" s="621"/>
      <c r="AA65" s="622" t="s">
        <v>92</v>
      </c>
      <c r="AB65" s="623"/>
      <c r="AC65" s="623"/>
      <c r="AD65" s="623"/>
      <c r="AE65" s="624"/>
      <c r="AF65" s="628"/>
      <c r="AG65" s="629"/>
      <c r="AH65" s="629"/>
      <c r="AI65" s="629"/>
      <c r="AJ65" s="629"/>
      <c r="AK65" s="629"/>
      <c r="AL65" s="629"/>
      <c r="AM65" s="629"/>
      <c r="AN65" s="629"/>
      <c r="AO65" s="629"/>
      <c r="AP65" s="629"/>
      <c r="AQ65" s="629"/>
      <c r="AR65" s="629"/>
      <c r="AS65" s="630"/>
      <c r="AT65" s="617"/>
      <c r="AU65" s="604"/>
      <c r="AV65" s="7"/>
      <c r="AW65" s="8"/>
      <c r="AX65" s="9"/>
      <c r="AY65" s="9"/>
      <c r="AZ65" s="9"/>
    </row>
    <row r="66" spans="1:52" s="14" customFormat="1" ht="38.25" customHeight="1" x14ac:dyDescent="0.45">
      <c r="A66" s="11"/>
      <c r="B66" s="604"/>
      <c r="C66" s="605"/>
      <c r="D66" s="596"/>
      <c r="E66" s="352" t="s">
        <v>138</v>
      </c>
      <c r="F66" s="327"/>
      <c r="G66" s="327"/>
      <c r="H66" s="327"/>
      <c r="I66" s="327"/>
      <c r="J66" s="327"/>
      <c r="K66" s="327"/>
      <c r="L66" s="327"/>
      <c r="M66" s="327"/>
      <c r="N66" s="327"/>
      <c r="O66" s="327"/>
      <c r="P66" s="327"/>
      <c r="Q66" s="327"/>
      <c r="R66" s="327"/>
      <c r="S66" s="327"/>
      <c r="T66" s="327"/>
      <c r="U66" s="327"/>
      <c r="V66" s="327"/>
      <c r="W66" s="327"/>
      <c r="X66" s="327"/>
      <c r="Y66" s="327"/>
      <c r="Z66" s="327"/>
      <c r="AA66" s="622"/>
      <c r="AB66" s="623"/>
      <c r="AC66" s="623"/>
      <c r="AD66" s="623"/>
      <c r="AE66" s="624"/>
      <c r="AF66" s="628"/>
      <c r="AG66" s="629"/>
      <c r="AH66" s="629"/>
      <c r="AI66" s="629"/>
      <c r="AJ66" s="629"/>
      <c r="AK66" s="629"/>
      <c r="AL66" s="629"/>
      <c r="AM66" s="629"/>
      <c r="AN66" s="629"/>
      <c r="AO66" s="629"/>
      <c r="AP66" s="629"/>
      <c r="AQ66" s="629"/>
      <c r="AR66" s="629"/>
      <c r="AS66" s="630"/>
      <c r="AT66" s="617"/>
      <c r="AU66" s="604"/>
      <c r="AV66" s="11"/>
      <c r="AW66" s="12"/>
      <c r="AX66" s="13"/>
      <c r="AY66" s="13"/>
      <c r="AZ66" s="13"/>
    </row>
    <row r="67" spans="1:52" s="14" customFormat="1" ht="38.25" customHeight="1" thickBot="1" x14ac:dyDescent="0.5">
      <c r="A67" s="7"/>
      <c r="B67" s="604"/>
      <c r="C67" s="605"/>
      <c r="D67" s="606"/>
      <c r="E67" s="353"/>
      <c r="F67" s="634"/>
      <c r="G67" s="634"/>
      <c r="H67" s="634"/>
      <c r="I67" s="634"/>
      <c r="J67" s="634"/>
      <c r="K67" s="634"/>
      <c r="L67" s="634"/>
      <c r="M67" s="634"/>
      <c r="N67" s="634"/>
      <c r="O67" s="634"/>
      <c r="P67" s="634"/>
      <c r="Q67" s="634"/>
      <c r="R67" s="634"/>
      <c r="S67" s="634"/>
      <c r="T67" s="634"/>
      <c r="U67" s="634"/>
      <c r="V67" s="634"/>
      <c r="W67" s="634"/>
      <c r="X67" s="634"/>
      <c r="Y67" s="634"/>
      <c r="Z67" s="635"/>
      <c r="AA67" s="625"/>
      <c r="AB67" s="626"/>
      <c r="AC67" s="626"/>
      <c r="AD67" s="626"/>
      <c r="AE67" s="627"/>
      <c r="AF67" s="631"/>
      <c r="AG67" s="632"/>
      <c r="AH67" s="632"/>
      <c r="AI67" s="632"/>
      <c r="AJ67" s="632"/>
      <c r="AK67" s="632"/>
      <c r="AL67" s="632"/>
      <c r="AM67" s="632"/>
      <c r="AN67" s="632"/>
      <c r="AO67" s="632"/>
      <c r="AP67" s="632"/>
      <c r="AQ67" s="632"/>
      <c r="AR67" s="632"/>
      <c r="AS67" s="633"/>
      <c r="AT67" s="617"/>
      <c r="AU67" s="604"/>
      <c r="AV67" s="11"/>
      <c r="AW67" s="12"/>
      <c r="AX67" s="13"/>
      <c r="AY67" s="13"/>
      <c r="AZ67" s="13"/>
    </row>
    <row r="68" spans="1:52" s="10" customFormat="1" ht="22.5" customHeight="1" x14ac:dyDescent="0.45">
      <c r="A68" s="7"/>
      <c r="B68" s="604"/>
      <c r="C68" s="605"/>
      <c r="D68" s="638" t="s">
        <v>33</v>
      </c>
      <c r="E68" s="641" t="s">
        <v>51</v>
      </c>
      <c r="F68" s="642"/>
      <c r="G68" s="354" t="s">
        <v>83</v>
      </c>
      <c r="H68" s="355"/>
      <c r="I68" s="354"/>
      <c r="J68" s="354"/>
      <c r="K68" s="354"/>
      <c r="L68" s="354"/>
      <c r="M68" s="354"/>
      <c r="N68" s="354"/>
      <c r="O68" s="354"/>
      <c r="P68" s="354"/>
      <c r="Q68" s="354"/>
      <c r="R68" s="354"/>
      <c r="S68" s="354"/>
      <c r="T68" s="354"/>
      <c r="U68" s="354"/>
      <c r="V68" s="354"/>
      <c r="W68" s="354"/>
      <c r="X68" s="354"/>
      <c r="Y68" s="354"/>
      <c r="Z68" s="642" t="s">
        <v>51</v>
      </c>
      <c r="AA68" s="642"/>
      <c r="AB68" s="354"/>
      <c r="AC68" s="354"/>
      <c r="AD68" s="354"/>
      <c r="AE68" s="354"/>
      <c r="AF68" s="354"/>
      <c r="AG68" s="354"/>
      <c r="AH68" s="354"/>
      <c r="AI68" s="354"/>
      <c r="AJ68" s="354"/>
      <c r="AK68" s="356"/>
      <c r="AL68" s="356"/>
      <c r="AM68" s="356"/>
      <c r="AN68" s="356"/>
      <c r="AO68" s="356"/>
      <c r="AP68" s="356"/>
      <c r="AQ68" s="356"/>
      <c r="AR68" s="356"/>
      <c r="AS68" s="357"/>
      <c r="AT68" s="617"/>
      <c r="AU68" s="604"/>
      <c r="AV68" s="7"/>
      <c r="AW68" s="15"/>
      <c r="AX68" s="15"/>
      <c r="AY68" s="15"/>
      <c r="AZ68" s="15"/>
    </row>
    <row r="69" spans="1:52" s="10" customFormat="1" ht="22.5" customHeight="1" x14ac:dyDescent="0.45">
      <c r="A69" s="7"/>
      <c r="B69" s="604"/>
      <c r="C69" s="605"/>
      <c r="D69" s="639"/>
      <c r="E69" s="643" t="s">
        <v>46</v>
      </c>
      <c r="F69" s="644"/>
      <c r="G69" s="358" t="s">
        <v>139</v>
      </c>
      <c r="H69" s="359"/>
      <c r="I69" s="358"/>
      <c r="J69" s="358"/>
      <c r="K69" s="358"/>
      <c r="L69" s="358"/>
      <c r="M69" s="358"/>
      <c r="N69" s="358"/>
      <c r="O69" s="358"/>
      <c r="P69" s="358"/>
      <c r="Q69" s="358"/>
      <c r="R69" s="358"/>
      <c r="S69" s="358"/>
      <c r="T69" s="358"/>
      <c r="U69" s="358"/>
      <c r="V69" s="358"/>
      <c r="W69" s="358"/>
      <c r="X69" s="358"/>
      <c r="Y69" s="358"/>
      <c r="Z69" s="644" t="s">
        <v>51</v>
      </c>
      <c r="AA69" s="644"/>
      <c r="AB69" s="358"/>
      <c r="AC69" s="358"/>
      <c r="AD69" s="358"/>
      <c r="AE69" s="358"/>
      <c r="AF69" s="358"/>
      <c r="AG69" s="358"/>
      <c r="AH69" s="358"/>
      <c r="AI69" s="358"/>
      <c r="AJ69" s="358"/>
      <c r="AK69" s="327"/>
      <c r="AL69" s="327"/>
      <c r="AM69" s="327"/>
      <c r="AN69" s="327"/>
      <c r="AO69" s="327"/>
      <c r="AP69" s="327"/>
      <c r="AQ69" s="327"/>
      <c r="AR69" s="327"/>
      <c r="AS69" s="345"/>
      <c r="AT69" s="617"/>
      <c r="AU69" s="604"/>
      <c r="AV69" s="7"/>
      <c r="AW69" s="15"/>
      <c r="AX69" s="15"/>
      <c r="AY69" s="15"/>
      <c r="AZ69" s="15"/>
    </row>
    <row r="70" spans="1:52" s="10" customFormat="1" ht="22.5" customHeight="1" x14ac:dyDescent="0.45">
      <c r="A70" s="7"/>
      <c r="B70" s="604"/>
      <c r="C70" s="605"/>
      <c r="D70" s="639"/>
      <c r="E70" s="643" t="s">
        <v>51</v>
      </c>
      <c r="F70" s="644"/>
      <c r="G70" s="358"/>
      <c r="H70" s="360"/>
      <c r="I70" s="360"/>
      <c r="J70" s="360"/>
      <c r="K70" s="360"/>
      <c r="L70" s="360"/>
      <c r="M70" s="360"/>
      <c r="N70" s="360"/>
      <c r="O70" s="360"/>
      <c r="P70" s="360"/>
      <c r="Q70" s="360"/>
      <c r="R70" s="360"/>
      <c r="S70" s="360"/>
      <c r="T70" s="360"/>
      <c r="U70" s="360"/>
      <c r="V70" s="360"/>
      <c r="W70" s="360"/>
      <c r="X70" s="360"/>
      <c r="Y70" s="360"/>
      <c r="Z70" s="644" t="s">
        <v>51</v>
      </c>
      <c r="AA70" s="644"/>
      <c r="AB70" s="360"/>
      <c r="AC70" s="360"/>
      <c r="AD70" s="360"/>
      <c r="AE70" s="360"/>
      <c r="AF70" s="360"/>
      <c r="AG70" s="360"/>
      <c r="AH70" s="360"/>
      <c r="AI70" s="360"/>
      <c r="AJ70" s="360"/>
      <c r="AK70" s="347"/>
      <c r="AL70" s="347"/>
      <c r="AM70" s="347"/>
      <c r="AN70" s="347"/>
      <c r="AO70" s="347"/>
      <c r="AP70" s="347"/>
      <c r="AQ70" s="347"/>
      <c r="AR70" s="347"/>
      <c r="AS70" s="361"/>
      <c r="AT70" s="617"/>
      <c r="AU70" s="604"/>
      <c r="AV70" s="7"/>
      <c r="AW70" s="15"/>
      <c r="AX70" s="15"/>
      <c r="AY70" s="15"/>
      <c r="AZ70" s="15"/>
    </row>
    <row r="71" spans="1:52" s="10" customFormat="1" ht="22.5" customHeight="1" thickBot="1" x14ac:dyDescent="0.5">
      <c r="A71" s="7"/>
      <c r="B71" s="604"/>
      <c r="C71" s="605"/>
      <c r="D71" s="640"/>
      <c r="E71" s="572" t="s">
        <v>51</v>
      </c>
      <c r="F71" s="573"/>
      <c r="G71" s="362"/>
      <c r="H71" s="362"/>
      <c r="I71" s="362"/>
      <c r="J71" s="362"/>
      <c r="K71" s="362"/>
      <c r="L71" s="362"/>
      <c r="M71" s="362"/>
      <c r="N71" s="362"/>
      <c r="O71" s="362"/>
      <c r="P71" s="362"/>
      <c r="Q71" s="362"/>
      <c r="R71" s="362"/>
      <c r="S71" s="362"/>
      <c r="T71" s="362"/>
      <c r="U71" s="362"/>
      <c r="V71" s="362"/>
      <c r="W71" s="362"/>
      <c r="X71" s="362"/>
      <c r="Y71" s="362"/>
      <c r="Z71" s="573" t="s">
        <v>51</v>
      </c>
      <c r="AA71" s="573"/>
      <c r="AB71" s="362"/>
      <c r="AC71" s="362"/>
      <c r="AD71" s="362"/>
      <c r="AE71" s="362"/>
      <c r="AF71" s="362"/>
      <c r="AG71" s="362"/>
      <c r="AH71" s="362"/>
      <c r="AI71" s="362"/>
      <c r="AJ71" s="362"/>
      <c r="AK71" s="363"/>
      <c r="AL71" s="363"/>
      <c r="AM71" s="363"/>
      <c r="AN71" s="363"/>
      <c r="AO71" s="363"/>
      <c r="AP71" s="363"/>
      <c r="AQ71" s="363"/>
      <c r="AR71" s="363"/>
      <c r="AS71" s="364"/>
      <c r="AT71" s="617"/>
      <c r="AU71" s="604"/>
      <c r="AV71" s="7"/>
      <c r="AW71" s="15"/>
      <c r="AX71" s="15"/>
      <c r="AY71" s="15"/>
      <c r="AZ71" s="15"/>
    </row>
    <row r="72" spans="1:52" s="4" customFormat="1" ht="22.5" customHeight="1" x14ac:dyDescent="0.2">
      <c r="A72" s="18"/>
      <c r="B72" s="604"/>
      <c r="C72" s="605"/>
      <c r="D72" s="595" t="s">
        <v>30</v>
      </c>
      <c r="E72" s="597" t="s">
        <v>221</v>
      </c>
      <c r="F72" s="598"/>
      <c r="G72" s="598"/>
      <c r="H72" s="598"/>
      <c r="I72" s="598"/>
      <c r="J72" s="598"/>
      <c r="K72" s="598"/>
      <c r="L72" s="598"/>
      <c r="M72" s="598"/>
      <c r="N72" s="598"/>
      <c r="O72" s="599" t="s">
        <v>86</v>
      </c>
      <c r="P72" s="600"/>
      <c r="Q72" s="600"/>
      <c r="R72" s="600"/>
      <c r="S72" s="600"/>
      <c r="T72" s="600"/>
      <c r="U72" s="600"/>
      <c r="V72" s="600"/>
      <c r="W72" s="600"/>
      <c r="X72" s="600"/>
      <c r="Y72" s="600"/>
      <c r="Z72" s="600"/>
      <c r="AA72" s="600"/>
      <c r="AB72" s="600"/>
      <c r="AC72" s="600"/>
      <c r="AD72" s="600"/>
      <c r="AE72" s="600"/>
      <c r="AF72" s="599" t="s">
        <v>32</v>
      </c>
      <c r="AG72" s="600"/>
      <c r="AH72" s="600"/>
      <c r="AI72" s="600"/>
      <c r="AJ72" s="600"/>
      <c r="AK72" s="600"/>
      <c r="AL72" s="600"/>
      <c r="AM72" s="600"/>
      <c r="AN72" s="600"/>
      <c r="AO72" s="600"/>
      <c r="AP72" s="600"/>
      <c r="AQ72" s="600"/>
      <c r="AR72" s="600"/>
      <c r="AS72" s="601"/>
      <c r="AT72" s="617"/>
      <c r="AU72" s="604"/>
      <c r="AV72" s="3"/>
      <c r="AW72" s="16"/>
      <c r="AX72" s="17"/>
      <c r="AY72" s="17"/>
      <c r="AZ72" s="17"/>
    </row>
    <row r="73" spans="1:52" s="21" customFormat="1" ht="22.5" customHeight="1" x14ac:dyDescent="0.2">
      <c r="A73" s="3"/>
      <c r="B73" s="604"/>
      <c r="C73" s="605"/>
      <c r="D73" s="596"/>
      <c r="E73" s="602">
        <v>1</v>
      </c>
      <c r="F73" s="575"/>
      <c r="G73" s="576"/>
      <c r="H73" s="576"/>
      <c r="I73" s="576"/>
      <c r="J73" s="576"/>
      <c r="K73" s="576"/>
      <c r="L73" s="576"/>
      <c r="M73" s="576"/>
      <c r="N73" s="577"/>
      <c r="O73" s="578"/>
      <c r="P73" s="578"/>
      <c r="Q73" s="578"/>
      <c r="R73" s="578"/>
      <c r="S73" s="578"/>
      <c r="T73" s="578"/>
      <c r="U73" s="578"/>
      <c r="V73" s="578"/>
      <c r="W73" s="578"/>
      <c r="X73" s="578"/>
      <c r="Y73" s="578"/>
      <c r="Z73" s="578"/>
      <c r="AA73" s="578"/>
      <c r="AB73" s="578"/>
      <c r="AC73" s="578"/>
      <c r="AD73" s="578"/>
      <c r="AE73" s="578"/>
      <c r="AF73" s="559"/>
      <c r="AG73" s="560"/>
      <c r="AH73" s="560"/>
      <c r="AI73" s="560"/>
      <c r="AJ73" s="560"/>
      <c r="AK73" s="560"/>
      <c r="AL73" s="560"/>
      <c r="AM73" s="560"/>
      <c r="AN73" s="560"/>
      <c r="AO73" s="560"/>
      <c r="AP73" s="560"/>
      <c r="AQ73" s="560"/>
      <c r="AR73" s="560"/>
      <c r="AS73" s="561"/>
      <c r="AT73" s="617"/>
      <c r="AU73" s="604"/>
      <c r="AV73" s="18"/>
      <c r="AW73" s="19"/>
      <c r="AX73" s="20"/>
      <c r="AY73" s="20"/>
      <c r="AZ73" s="20"/>
    </row>
    <row r="74" spans="1:52" s="4" customFormat="1" ht="22.5" customHeight="1" x14ac:dyDescent="0.2">
      <c r="A74" s="3"/>
      <c r="B74" s="604"/>
      <c r="C74" s="605"/>
      <c r="D74" s="596"/>
      <c r="E74" s="603"/>
      <c r="F74" s="565" t="s">
        <v>87</v>
      </c>
      <c r="G74" s="566"/>
      <c r="H74" s="566"/>
      <c r="I74" s="566"/>
      <c r="J74" s="566"/>
      <c r="K74" s="566"/>
      <c r="L74" s="566"/>
      <c r="M74" s="566"/>
      <c r="N74" s="567"/>
      <c r="O74" s="578"/>
      <c r="P74" s="578"/>
      <c r="Q74" s="578"/>
      <c r="R74" s="578"/>
      <c r="S74" s="578"/>
      <c r="T74" s="578"/>
      <c r="U74" s="578"/>
      <c r="V74" s="578"/>
      <c r="W74" s="578"/>
      <c r="X74" s="578"/>
      <c r="Y74" s="578"/>
      <c r="Z74" s="578"/>
      <c r="AA74" s="578"/>
      <c r="AB74" s="578"/>
      <c r="AC74" s="578"/>
      <c r="AD74" s="578"/>
      <c r="AE74" s="578"/>
      <c r="AF74" s="562"/>
      <c r="AG74" s="563"/>
      <c r="AH74" s="563"/>
      <c r="AI74" s="563"/>
      <c r="AJ74" s="563"/>
      <c r="AK74" s="563"/>
      <c r="AL74" s="563"/>
      <c r="AM74" s="563"/>
      <c r="AN74" s="563"/>
      <c r="AO74" s="563"/>
      <c r="AP74" s="563"/>
      <c r="AQ74" s="563"/>
      <c r="AR74" s="563"/>
      <c r="AS74" s="564"/>
      <c r="AT74" s="617"/>
      <c r="AU74" s="604"/>
      <c r="AV74" s="3"/>
      <c r="AW74" s="16"/>
      <c r="AX74" s="17"/>
      <c r="AY74" s="17"/>
      <c r="AZ74" s="17"/>
    </row>
    <row r="75" spans="1:52" s="4" customFormat="1" ht="22.5" customHeight="1" x14ac:dyDescent="0.2">
      <c r="A75" s="18"/>
      <c r="B75" s="604"/>
      <c r="C75" s="605"/>
      <c r="D75" s="596"/>
      <c r="E75" s="636">
        <v>2</v>
      </c>
      <c r="F75" s="575"/>
      <c r="G75" s="576"/>
      <c r="H75" s="576"/>
      <c r="I75" s="576"/>
      <c r="J75" s="576"/>
      <c r="K75" s="576"/>
      <c r="L75" s="576"/>
      <c r="M75" s="576"/>
      <c r="N75" s="577"/>
      <c r="O75" s="578"/>
      <c r="P75" s="578"/>
      <c r="Q75" s="578"/>
      <c r="R75" s="578"/>
      <c r="S75" s="578"/>
      <c r="T75" s="578"/>
      <c r="U75" s="578"/>
      <c r="V75" s="578"/>
      <c r="W75" s="578"/>
      <c r="X75" s="578"/>
      <c r="Y75" s="578"/>
      <c r="Z75" s="578"/>
      <c r="AA75" s="578"/>
      <c r="AB75" s="578"/>
      <c r="AC75" s="578"/>
      <c r="AD75" s="578"/>
      <c r="AE75" s="578"/>
      <c r="AF75" s="559"/>
      <c r="AG75" s="560"/>
      <c r="AH75" s="560"/>
      <c r="AI75" s="560"/>
      <c r="AJ75" s="560"/>
      <c r="AK75" s="560"/>
      <c r="AL75" s="560"/>
      <c r="AM75" s="560"/>
      <c r="AN75" s="560"/>
      <c r="AO75" s="560"/>
      <c r="AP75" s="560"/>
      <c r="AQ75" s="560"/>
      <c r="AR75" s="560"/>
      <c r="AS75" s="561"/>
      <c r="AT75" s="617"/>
      <c r="AU75" s="604"/>
      <c r="AV75" s="3"/>
      <c r="AW75" s="16"/>
      <c r="AX75" s="17"/>
      <c r="AY75" s="17"/>
      <c r="AZ75" s="17"/>
    </row>
    <row r="76" spans="1:52" s="21" customFormat="1" ht="22.5" customHeight="1" x14ac:dyDescent="0.2">
      <c r="A76" s="3"/>
      <c r="B76" s="604"/>
      <c r="C76" s="605"/>
      <c r="D76" s="596"/>
      <c r="E76" s="637"/>
      <c r="F76" s="565" t="s">
        <v>87</v>
      </c>
      <c r="G76" s="566"/>
      <c r="H76" s="566"/>
      <c r="I76" s="566"/>
      <c r="J76" s="566"/>
      <c r="K76" s="566"/>
      <c r="L76" s="566"/>
      <c r="M76" s="566"/>
      <c r="N76" s="567"/>
      <c r="O76" s="578"/>
      <c r="P76" s="578"/>
      <c r="Q76" s="578"/>
      <c r="R76" s="578"/>
      <c r="S76" s="578"/>
      <c r="T76" s="578"/>
      <c r="U76" s="578"/>
      <c r="V76" s="578"/>
      <c r="W76" s="578"/>
      <c r="X76" s="578"/>
      <c r="Y76" s="578"/>
      <c r="Z76" s="578"/>
      <c r="AA76" s="578"/>
      <c r="AB76" s="578"/>
      <c r="AC76" s="578"/>
      <c r="AD76" s="578"/>
      <c r="AE76" s="578"/>
      <c r="AF76" s="562"/>
      <c r="AG76" s="563"/>
      <c r="AH76" s="563"/>
      <c r="AI76" s="563"/>
      <c r="AJ76" s="563"/>
      <c r="AK76" s="563"/>
      <c r="AL76" s="563"/>
      <c r="AM76" s="563"/>
      <c r="AN76" s="563"/>
      <c r="AO76" s="563"/>
      <c r="AP76" s="563"/>
      <c r="AQ76" s="563"/>
      <c r="AR76" s="563"/>
      <c r="AS76" s="564"/>
      <c r="AT76" s="617"/>
      <c r="AU76" s="604"/>
      <c r="AV76" s="18"/>
      <c r="AW76" s="19"/>
      <c r="AX76" s="20"/>
      <c r="AY76" s="20"/>
      <c r="AZ76" s="20"/>
    </row>
    <row r="77" spans="1:52" s="4" customFormat="1" ht="22.5" customHeight="1" x14ac:dyDescent="0.2">
      <c r="A77" s="3"/>
      <c r="B77" s="604"/>
      <c r="C77" s="605"/>
      <c r="D77" s="596"/>
      <c r="E77" s="574">
        <v>3</v>
      </c>
      <c r="F77" s="575"/>
      <c r="G77" s="576"/>
      <c r="H77" s="576"/>
      <c r="I77" s="576"/>
      <c r="J77" s="576"/>
      <c r="K77" s="576"/>
      <c r="L77" s="576"/>
      <c r="M77" s="576"/>
      <c r="N77" s="577"/>
      <c r="O77" s="578"/>
      <c r="P77" s="578"/>
      <c r="Q77" s="578"/>
      <c r="R77" s="578"/>
      <c r="S77" s="578"/>
      <c r="T77" s="578"/>
      <c r="U77" s="578"/>
      <c r="V77" s="578"/>
      <c r="W77" s="578"/>
      <c r="X77" s="578"/>
      <c r="Y77" s="578"/>
      <c r="Z77" s="578"/>
      <c r="AA77" s="578"/>
      <c r="AB77" s="578"/>
      <c r="AC77" s="578"/>
      <c r="AD77" s="578"/>
      <c r="AE77" s="578"/>
      <c r="AF77" s="559"/>
      <c r="AG77" s="560"/>
      <c r="AH77" s="560"/>
      <c r="AI77" s="560"/>
      <c r="AJ77" s="560"/>
      <c r="AK77" s="560"/>
      <c r="AL77" s="560"/>
      <c r="AM77" s="560"/>
      <c r="AN77" s="560"/>
      <c r="AO77" s="560"/>
      <c r="AP77" s="560"/>
      <c r="AQ77" s="560"/>
      <c r="AR77" s="560"/>
      <c r="AS77" s="561"/>
      <c r="AT77" s="617"/>
      <c r="AU77" s="604"/>
      <c r="AV77" s="3"/>
      <c r="AW77" s="16"/>
      <c r="AX77" s="17"/>
      <c r="AY77" s="17"/>
      <c r="AZ77" s="17"/>
    </row>
    <row r="78" spans="1:52" s="4" customFormat="1" ht="22.5" customHeight="1" x14ac:dyDescent="0.2">
      <c r="A78" s="18"/>
      <c r="B78" s="604"/>
      <c r="C78" s="605"/>
      <c r="D78" s="596"/>
      <c r="E78" s="574"/>
      <c r="F78" s="565" t="s">
        <v>87</v>
      </c>
      <c r="G78" s="566"/>
      <c r="H78" s="566"/>
      <c r="I78" s="566"/>
      <c r="J78" s="566"/>
      <c r="K78" s="566"/>
      <c r="L78" s="566"/>
      <c r="M78" s="566"/>
      <c r="N78" s="567"/>
      <c r="O78" s="578"/>
      <c r="P78" s="578"/>
      <c r="Q78" s="578"/>
      <c r="R78" s="578"/>
      <c r="S78" s="578"/>
      <c r="T78" s="578"/>
      <c r="U78" s="578"/>
      <c r="V78" s="578"/>
      <c r="W78" s="578"/>
      <c r="X78" s="578"/>
      <c r="Y78" s="578"/>
      <c r="Z78" s="578"/>
      <c r="AA78" s="578"/>
      <c r="AB78" s="578"/>
      <c r="AC78" s="578"/>
      <c r="AD78" s="578"/>
      <c r="AE78" s="578"/>
      <c r="AF78" s="562"/>
      <c r="AG78" s="563"/>
      <c r="AH78" s="563"/>
      <c r="AI78" s="563"/>
      <c r="AJ78" s="563"/>
      <c r="AK78" s="563"/>
      <c r="AL78" s="563"/>
      <c r="AM78" s="563"/>
      <c r="AN78" s="563"/>
      <c r="AO78" s="563"/>
      <c r="AP78" s="563"/>
      <c r="AQ78" s="563"/>
      <c r="AR78" s="563"/>
      <c r="AS78" s="564"/>
      <c r="AT78" s="617"/>
      <c r="AU78" s="604"/>
      <c r="AV78" s="3"/>
      <c r="AW78" s="16"/>
      <c r="AX78" s="17"/>
      <c r="AY78" s="17"/>
      <c r="AZ78" s="17"/>
    </row>
    <row r="79" spans="1:52" s="21" customFormat="1" ht="22.5" customHeight="1" x14ac:dyDescent="0.45">
      <c r="A79" s="18"/>
      <c r="B79" s="604"/>
      <c r="C79" s="605"/>
      <c r="D79" s="596"/>
      <c r="E79" s="574">
        <v>4</v>
      </c>
      <c r="F79" s="575"/>
      <c r="G79" s="576"/>
      <c r="H79" s="576"/>
      <c r="I79" s="576"/>
      <c r="J79" s="576"/>
      <c r="K79" s="576"/>
      <c r="L79" s="576"/>
      <c r="M79" s="576"/>
      <c r="N79" s="577"/>
      <c r="O79" s="578"/>
      <c r="P79" s="578"/>
      <c r="Q79" s="578"/>
      <c r="R79" s="578"/>
      <c r="S79" s="578"/>
      <c r="T79" s="578"/>
      <c r="U79" s="578"/>
      <c r="V79" s="578"/>
      <c r="W79" s="578"/>
      <c r="X79" s="578"/>
      <c r="Y79" s="578"/>
      <c r="Z79" s="578"/>
      <c r="AA79" s="578"/>
      <c r="AB79" s="578"/>
      <c r="AC79" s="578"/>
      <c r="AD79" s="578"/>
      <c r="AE79" s="578"/>
      <c r="AF79" s="559"/>
      <c r="AG79" s="560"/>
      <c r="AH79" s="560"/>
      <c r="AI79" s="560"/>
      <c r="AJ79" s="560"/>
      <c r="AK79" s="560"/>
      <c r="AL79" s="560"/>
      <c r="AM79" s="560"/>
      <c r="AN79" s="560"/>
      <c r="AO79" s="560"/>
      <c r="AP79" s="560"/>
      <c r="AQ79" s="560"/>
      <c r="AR79" s="560"/>
      <c r="AS79" s="561"/>
      <c r="AT79" s="617"/>
      <c r="AU79" s="604"/>
      <c r="AV79" s="18"/>
      <c r="AW79" s="19"/>
      <c r="AX79" s="20"/>
      <c r="AY79" s="20"/>
      <c r="AZ79" s="20"/>
    </row>
    <row r="80" spans="1:52" s="21" customFormat="1" ht="22.5" customHeight="1" thickBot="1" x14ac:dyDescent="0.5">
      <c r="A80" s="18"/>
      <c r="B80" s="604"/>
      <c r="C80" s="605"/>
      <c r="D80" s="596"/>
      <c r="E80" s="574"/>
      <c r="F80" s="565" t="s">
        <v>87</v>
      </c>
      <c r="G80" s="566"/>
      <c r="H80" s="566"/>
      <c r="I80" s="566"/>
      <c r="J80" s="566"/>
      <c r="K80" s="566"/>
      <c r="L80" s="566"/>
      <c r="M80" s="566"/>
      <c r="N80" s="567"/>
      <c r="O80" s="578"/>
      <c r="P80" s="578"/>
      <c r="Q80" s="578"/>
      <c r="R80" s="578"/>
      <c r="S80" s="578"/>
      <c r="T80" s="578"/>
      <c r="U80" s="578"/>
      <c r="V80" s="578"/>
      <c r="W80" s="578"/>
      <c r="X80" s="578"/>
      <c r="Y80" s="578"/>
      <c r="Z80" s="578"/>
      <c r="AA80" s="578"/>
      <c r="AB80" s="578"/>
      <c r="AC80" s="578"/>
      <c r="AD80" s="578"/>
      <c r="AE80" s="578"/>
      <c r="AF80" s="579"/>
      <c r="AG80" s="580"/>
      <c r="AH80" s="580"/>
      <c r="AI80" s="580"/>
      <c r="AJ80" s="580"/>
      <c r="AK80" s="580"/>
      <c r="AL80" s="580"/>
      <c r="AM80" s="580"/>
      <c r="AN80" s="580"/>
      <c r="AO80" s="580"/>
      <c r="AP80" s="580"/>
      <c r="AQ80" s="580"/>
      <c r="AR80" s="580"/>
      <c r="AS80" s="581"/>
      <c r="AT80" s="617"/>
      <c r="AU80" s="604"/>
      <c r="AV80" s="18"/>
      <c r="AW80" s="19"/>
      <c r="AX80" s="20"/>
      <c r="AY80" s="20"/>
      <c r="AZ80" s="20"/>
    </row>
    <row r="81" spans="1:52" s="21" customFormat="1" ht="18" customHeight="1" x14ac:dyDescent="0.2">
      <c r="A81" s="1"/>
      <c r="B81" s="604"/>
      <c r="C81" s="605"/>
      <c r="D81" s="582" t="s">
        <v>32</v>
      </c>
      <c r="E81" s="586"/>
      <c r="F81" s="587"/>
      <c r="G81" s="587"/>
      <c r="H81" s="587"/>
      <c r="I81" s="587"/>
      <c r="J81" s="587"/>
      <c r="K81" s="587"/>
      <c r="L81" s="587"/>
      <c r="M81" s="587"/>
      <c r="N81" s="587"/>
      <c r="O81" s="587"/>
      <c r="P81" s="587"/>
      <c r="Q81" s="587"/>
      <c r="R81" s="587"/>
      <c r="S81" s="587"/>
      <c r="T81" s="587"/>
      <c r="U81" s="587"/>
      <c r="V81" s="587"/>
      <c r="W81" s="587"/>
      <c r="X81" s="587"/>
      <c r="Y81" s="587"/>
      <c r="Z81" s="587"/>
      <c r="AA81" s="587"/>
      <c r="AB81" s="587"/>
      <c r="AC81" s="587"/>
      <c r="AD81" s="587"/>
      <c r="AE81" s="587"/>
      <c r="AF81" s="587"/>
      <c r="AG81" s="587"/>
      <c r="AH81" s="587"/>
      <c r="AI81" s="587"/>
      <c r="AJ81" s="587"/>
      <c r="AK81" s="587"/>
      <c r="AL81" s="587"/>
      <c r="AM81" s="587"/>
      <c r="AN81" s="587"/>
      <c r="AO81" s="587"/>
      <c r="AP81" s="587"/>
      <c r="AQ81" s="587"/>
      <c r="AR81" s="587"/>
      <c r="AS81" s="588"/>
      <c r="AT81" s="617"/>
      <c r="AU81" s="604"/>
      <c r="AV81" s="18"/>
      <c r="AW81" s="19"/>
      <c r="AX81" s="20"/>
      <c r="AY81" s="20"/>
      <c r="AZ81" s="20"/>
    </row>
    <row r="82" spans="1:52" s="21" customFormat="1" ht="18.75" customHeight="1" x14ac:dyDescent="0.2">
      <c r="A82" s="1"/>
      <c r="B82" s="604"/>
      <c r="C82" s="605"/>
      <c r="D82" s="583"/>
      <c r="E82" s="589"/>
      <c r="F82" s="590"/>
      <c r="G82" s="590"/>
      <c r="H82" s="590"/>
      <c r="I82" s="590"/>
      <c r="J82" s="590"/>
      <c r="K82" s="590"/>
      <c r="L82" s="590"/>
      <c r="M82" s="590"/>
      <c r="N82" s="590"/>
      <c r="O82" s="590"/>
      <c r="P82" s="590"/>
      <c r="Q82" s="590"/>
      <c r="R82" s="590"/>
      <c r="S82" s="590"/>
      <c r="T82" s="590"/>
      <c r="U82" s="590"/>
      <c r="V82" s="590"/>
      <c r="W82" s="590"/>
      <c r="X82" s="590"/>
      <c r="Y82" s="590"/>
      <c r="Z82" s="590"/>
      <c r="AA82" s="590"/>
      <c r="AB82" s="590"/>
      <c r="AC82" s="590"/>
      <c r="AD82" s="590"/>
      <c r="AE82" s="590"/>
      <c r="AF82" s="590"/>
      <c r="AG82" s="590"/>
      <c r="AH82" s="590"/>
      <c r="AI82" s="590"/>
      <c r="AJ82" s="590"/>
      <c r="AK82" s="590"/>
      <c r="AL82" s="590"/>
      <c r="AM82" s="590"/>
      <c r="AN82" s="590"/>
      <c r="AO82" s="590"/>
      <c r="AP82" s="590"/>
      <c r="AQ82" s="590"/>
      <c r="AR82" s="590"/>
      <c r="AS82" s="591"/>
      <c r="AT82" s="617"/>
      <c r="AU82" s="604"/>
      <c r="AV82" s="18"/>
      <c r="AW82" s="19"/>
      <c r="AX82" s="20"/>
      <c r="AY82" s="20"/>
      <c r="AZ82" s="20"/>
    </row>
    <row r="83" spans="1:52" s="21" customFormat="1" ht="18" customHeight="1" x14ac:dyDescent="0.2">
      <c r="A83" s="1"/>
      <c r="B83" s="604"/>
      <c r="C83" s="605"/>
      <c r="D83" s="583"/>
      <c r="E83" s="589"/>
      <c r="F83" s="590"/>
      <c r="G83" s="590"/>
      <c r="H83" s="590"/>
      <c r="I83" s="590"/>
      <c r="J83" s="590"/>
      <c r="K83" s="590"/>
      <c r="L83" s="590"/>
      <c r="M83" s="590"/>
      <c r="N83" s="590"/>
      <c r="O83" s="590"/>
      <c r="P83" s="590"/>
      <c r="Q83" s="590"/>
      <c r="R83" s="590"/>
      <c r="S83" s="590"/>
      <c r="T83" s="590"/>
      <c r="U83" s="590"/>
      <c r="V83" s="590"/>
      <c r="W83" s="590"/>
      <c r="X83" s="590"/>
      <c r="Y83" s="590"/>
      <c r="Z83" s="590"/>
      <c r="AA83" s="590"/>
      <c r="AB83" s="590"/>
      <c r="AC83" s="590"/>
      <c r="AD83" s="590"/>
      <c r="AE83" s="590"/>
      <c r="AF83" s="590"/>
      <c r="AG83" s="590"/>
      <c r="AH83" s="590"/>
      <c r="AI83" s="590"/>
      <c r="AJ83" s="590"/>
      <c r="AK83" s="590"/>
      <c r="AL83" s="590"/>
      <c r="AM83" s="590"/>
      <c r="AN83" s="590"/>
      <c r="AO83" s="590"/>
      <c r="AP83" s="590"/>
      <c r="AQ83" s="590"/>
      <c r="AR83" s="590"/>
      <c r="AS83" s="591"/>
      <c r="AT83" s="617"/>
      <c r="AU83" s="604"/>
      <c r="AV83" s="18"/>
      <c r="AW83" s="19"/>
      <c r="AX83" s="20"/>
      <c r="AY83" s="20"/>
      <c r="AZ83" s="20"/>
    </row>
    <row r="84" spans="1:52" s="21" customFormat="1" ht="0.75" customHeight="1" x14ac:dyDescent="0.2">
      <c r="A84" s="1"/>
      <c r="B84" s="604"/>
      <c r="C84" s="605"/>
      <c r="D84" s="583"/>
      <c r="E84" s="589"/>
      <c r="F84" s="590"/>
      <c r="G84" s="590"/>
      <c r="H84" s="590"/>
      <c r="I84" s="590"/>
      <c r="J84" s="590"/>
      <c r="K84" s="590"/>
      <c r="L84" s="590"/>
      <c r="M84" s="590"/>
      <c r="N84" s="590"/>
      <c r="O84" s="590"/>
      <c r="P84" s="590"/>
      <c r="Q84" s="590"/>
      <c r="R84" s="590"/>
      <c r="S84" s="590"/>
      <c r="T84" s="590"/>
      <c r="U84" s="590"/>
      <c r="V84" s="590"/>
      <c r="W84" s="590"/>
      <c r="X84" s="590"/>
      <c r="Y84" s="590"/>
      <c r="Z84" s="590"/>
      <c r="AA84" s="590"/>
      <c r="AB84" s="590"/>
      <c r="AC84" s="590"/>
      <c r="AD84" s="590"/>
      <c r="AE84" s="590"/>
      <c r="AF84" s="590"/>
      <c r="AG84" s="590"/>
      <c r="AH84" s="590"/>
      <c r="AI84" s="590"/>
      <c r="AJ84" s="590"/>
      <c r="AK84" s="590"/>
      <c r="AL84" s="590"/>
      <c r="AM84" s="590"/>
      <c r="AN84" s="590"/>
      <c r="AO84" s="590"/>
      <c r="AP84" s="590"/>
      <c r="AQ84" s="590"/>
      <c r="AR84" s="590"/>
      <c r="AS84" s="591"/>
      <c r="AT84" s="617"/>
      <c r="AU84" s="604"/>
      <c r="AV84" s="18"/>
      <c r="AW84" s="19"/>
      <c r="AX84" s="20"/>
      <c r="AY84" s="20"/>
      <c r="AZ84" s="20"/>
    </row>
    <row r="85" spans="1:52" ht="16.5" customHeight="1" x14ac:dyDescent="0.2">
      <c r="A85" s="1"/>
      <c r="B85" s="604"/>
      <c r="C85" s="605"/>
      <c r="D85" s="584"/>
      <c r="E85" s="589"/>
      <c r="F85" s="590"/>
      <c r="G85" s="590"/>
      <c r="H85" s="590"/>
      <c r="I85" s="590"/>
      <c r="J85" s="590"/>
      <c r="K85" s="590"/>
      <c r="L85" s="590"/>
      <c r="M85" s="590"/>
      <c r="N85" s="590"/>
      <c r="O85" s="590"/>
      <c r="P85" s="590"/>
      <c r="Q85" s="590"/>
      <c r="R85" s="590"/>
      <c r="S85" s="590"/>
      <c r="T85" s="590"/>
      <c r="U85" s="590"/>
      <c r="V85" s="590"/>
      <c r="W85" s="590"/>
      <c r="X85" s="590"/>
      <c r="Y85" s="590"/>
      <c r="Z85" s="590"/>
      <c r="AA85" s="590"/>
      <c r="AB85" s="590"/>
      <c r="AC85" s="590"/>
      <c r="AD85" s="590"/>
      <c r="AE85" s="590"/>
      <c r="AF85" s="590"/>
      <c r="AG85" s="590"/>
      <c r="AH85" s="590"/>
      <c r="AI85" s="590"/>
      <c r="AJ85" s="590"/>
      <c r="AK85" s="590"/>
      <c r="AL85" s="590"/>
      <c r="AM85" s="590"/>
      <c r="AN85" s="590"/>
      <c r="AO85" s="590"/>
      <c r="AP85" s="590"/>
      <c r="AQ85" s="590"/>
      <c r="AR85" s="590"/>
      <c r="AS85" s="591"/>
      <c r="AT85" s="617"/>
      <c r="AU85" s="604"/>
      <c r="AV85" s="1"/>
      <c r="AW85" s="5"/>
      <c r="AX85" s="6"/>
      <c r="AY85" s="6"/>
      <c r="AZ85" s="6"/>
    </row>
    <row r="86" spans="1:52" ht="22.5" customHeight="1" thickBot="1" x14ac:dyDescent="0.25">
      <c r="A86" s="1"/>
      <c r="B86" s="604"/>
      <c r="C86" s="605"/>
      <c r="D86" s="585"/>
      <c r="E86" s="592"/>
      <c r="F86" s="593"/>
      <c r="G86" s="593"/>
      <c r="H86" s="593"/>
      <c r="I86" s="593"/>
      <c r="J86" s="593"/>
      <c r="K86" s="593"/>
      <c r="L86" s="593"/>
      <c r="M86" s="593"/>
      <c r="N86" s="593"/>
      <c r="O86" s="593"/>
      <c r="P86" s="593"/>
      <c r="Q86" s="593"/>
      <c r="R86" s="593"/>
      <c r="S86" s="593"/>
      <c r="T86" s="593"/>
      <c r="U86" s="593"/>
      <c r="V86" s="593"/>
      <c r="W86" s="593"/>
      <c r="X86" s="593"/>
      <c r="Y86" s="593"/>
      <c r="Z86" s="593"/>
      <c r="AA86" s="593"/>
      <c r="AB86" s="593"/>
      <c r="AC86" s="593"/>
      <c r="AD86" s="593"/>
      <c r="AE86" s="593"/>
      <c r="AF86" s="593"/>
      <c r="AG86" s="593"/>
      <c r="AH86" s="593"/>
      <c r="AI86" s="593"/>
      <c r="AJ86" s="593"/>
      <c r="AK86" s="593"/>
      <c r="AL86" s="593"/>
      <c r="AM86" s="593"/>
      <c r="AN86" s="593"/>
      <c r="AO86" s="593"/>
      <c r="AP86" s="593"/>
      <c r="AQ86" s="593"/>
      <c r="AR86" s="593"/>
      <c r="AS86" s="594"/>
      <c r="AT86" s="617"/>
      <c r="AU86" s="604"/>
      <c r="AV86" s="1"/>
      <c r="AW86" s="5"/>
      <c r="AX86" s="6"/>
      <c r="AY86" s="6"/>
      <c r="AZ86" s="6"/>
    </row>
    <row r="87" spans="1:52" ht="36.75" customHeight="1" x14ac:dyDescent="0.2">
      <c r="A87" s="1"/>
      <c r="B87" s="22"/>
      <c r="C87" s="570" t="s">
        <v>181</v>
      </c>
      <c r="D87" s="570"/>
      <c r="E87" s="570"/>
      <c r="F87" s="570"/>
      <c r="G87" s="570"/>
      <c r="H87" s="570"/>
      <c r="I87" s="570"/>
      <c r="J87" s="570"/>
      <c r="K87" s="570"/>
      <c r="L87" s="570"/>
      <c r="M87" s="570"/>
      <c r="N87" s="570"/>
      <c r="O87" s="570"/>
      <c r="P87" s="570"/>
      <c r="Q87" s="570"/>
      <c r="R87" s="570"/>
      <c r="S87" s="570"/>
      <c r="T87" s="570"/>
      <c r="U87" s="570"/>
      <c r="V87" s="570"/>
      <c r="W87" s="570"/>
      <c r="X87" s="570"/>
      <c r="Y87" s="570"/>
      <c r="Z87" s="570"/>
      <c r="AA87" s="570"/>
      <c r="AB87" s="570"/>
      <c r="AC87" s="570"/>
      <c r="AD87" s="570"/>
      <c r="AE87" s="570"/>
      <c r="AF87" s="570"/>
      <c r="AG87" s="570"/>
      <c r="AH87" s="570"/>
      <c r="AI87" s="570"/>
      <c r="AJ87" s="570"/>
      <c r="AK87" s="570"/>
      <c r="AL87" s="570"/>
      <c r="AM87" s="570"/>
      <c r="AN87" s="570"/>
      <c r="AO87" s="570"/>
      <c r="AP87" s="570"/>
      <c r="AQ87" s="570"/>
      <c r="AR87" s="570"/>
      <c r="AS87" s="570"/>
      <c r="AT87" s="570"/>
      <c r="AU87" s="1"/>
      <c r="AV87" s="1"/>
      <c r="AW87" s="1"/>
      <c r="AX87" s="2"/>
      <c r="AY87" s="2"/>
      <c r="AZ87" s="2"/>
    </row>
    <row r="88" spans="1:52" ht="25.2" customHeight="1" x14ac:dyDescent="0.2">
      <c r="A88" s="1"/>
      <c r="B88" s="22"/>
      <c r="C88" s="570"/>
      <c r="D88" s="570"/>
      <c r="E88" s="570"/>
      <c r="F88" s="570"/>
      <c r="G88" s="570"/>
      <c r="H88" s="570"/>
      <c r="I88" s="570"/>
      <c r="J88" s="570"/>
      <c r="K88" s="570"/>
      <c r="L88" s="570"/>
      <c r="M88" s="570"/>
      <c r="N88" s="570"/>
      <c r="O88" s="570"/>
      <c r="P88" s="570"/>
      <c r="Q88" s="570"/>
      <c r="R88" s="570"/>
      <c r="S88" s="570"/>
      <c r="T88" s="570"/>
      <c r="U88" s="570"/>
      <c r="V88" s="570"/>
      <c r="W88" s="570"/>
      <c r="X88" s="570"/>
      <c r="Y88" s="570"/>
      <c r="Z88" s="570"/>
      <c r="AA88" s="570"/>
      <c r="AB88" s="570"/>
      <c r="AC88" s="570"/>
      <c r="AD88" s="570"/>
      <c r="AE88" s="570"/>
      <c r="AF88" s="570"/>
      <c r="AG88" s="570"/>
      <c r="AH88" s="570"/>
      <c r="AI88" s="570"/>
      <c r="AJ88" s="570"/>
      <c r="AK88" s="570"/>
      <c r="AL88" s="570"/>
      <c r="AM88" s="570"/>
      <c r="AN88" s="570"/>
      <c r="AO88" s="570"/>
      <c r="AP88" s="570"/>
      <c r="AQ88" s="570"/>
      <c r="AR88" s="570"/>
      <c r="AS88" s="570"/>
      <c r="AT88" s="570"/>
      <c r="AU88" s="1"/>
      <c r="AV88" s="22"/>
      <c r="AW88" s="1"/>
      <c r="AX88" s="2"/>
      <c r="AY88" s="2"/>
      <c r="AZ88" s="2"/>
    </row>
    <row r="89" spans="1:52" ht="16.5" customHeight="1" x14ac:dyDescent="0.2">
      <c r="A89" s="1"/>
      <c r="B89" s="22"/>
      <c r="C89" s="570"/>
      <c r="D89" s="570"/>
      <c r="E89" s="570"/>
      <c r="F89" s="570"/>
      <c r="G89" s="570"/>
      <c r="H89" s="570"/>
      <c r="I89" s="570"/>
      <c r="J89" s="570"/>
      <c r="K89" s="570"/>
      <c r="L89" s="570"/>
      <c r="M89" s="570"/>
      <c r="N89" s="570"/>
      <c r="O89" s="570"/>
      <c r="P89" s="570"/>
      <c r="Q89" s="570"/>
      <c r="R89" s="570"/>
      <c r="S89" s="570"/>
      <c r="T89" s="570"/>
      <c r="U89" s="570"/>
      <c r="V89" s="570"/>
      <c r="W89" s="570"/>
      <c r="X89" s="570"/>
      <c r="Y89" s="570"/>
      <c r="Z89" s="570"/>
      <c r="AA89" s="570"/>
      <c r="AB89" s="570"/>
      <c r="AC89" s="570"/>
      <c r="AD89" s="570"/>
      <c r="AE89" s="570"/>
      <c r="AF89" s="570"/>
      <c r="AG89" s="570"/>
      <c r="AH89" s="570"/>
      <c r="AI89" s="570"/>
      <c r="AJ89" s="570"/>
      <c r="AK89" s="570"/>
      <c r="AL89" s="570"/>
      <c r="AM89" s="570"/>
      <c r="AN89" s="570"/>
      <c r="AO89" s="570"/>
      <c r="AP89" s="570"/>
      <c r="AQ89" s="570"/>
      <c r="AR89" s="570"/>
      <c r="AS89" s="570"/>
      <c r="AT89" s="570"/>
      <c r="AU89" s="22"/>
      <c r="AV89" s="22"/>
      <c r="AW89" s="1"/>
      <c r="AX89" s="2"/>
      <c r="AY89" s="2"/>
      <c r="AZ89" s="2"/>
    </row>
    <row r="90" spans="1:52" ht="13.5" customHeight="1" x14ac:dyDescent="0.2">
      <c r="A90" s="1"/>
      <c r="B90" s="1"/>
      <c r="C90" s="22"/>
      <c r="D90" s="22"/>
      <c r="E90" s="22"/>
      <c r="F90" s="22"/>
      <c r="G90" s="22"/>
      <c r="H90" s="22"/>
      <c r="I90" s="22"/>
      <c r="J90" s="22"/>
      <c r="K90" s="22"/>
      <c r="L90" s="22"/>
      <c r="M90" s="22"/>
      <c r="N90" s="22"/>
      <c r="O90" s="22"/>
      <c r="P90" s="22"/>
      <c r="Q90" s="22"/>
      <c r="R90" s="22"/>
      <c r="S90" s="22"/>
      <c r="T90" s="22"/>
      <c r="U90" s="22"/>
      <c r="V90" s="22"/>
      <c r="W90" s="22"/>
      <c r="X90" s="22"/>
      <c r="Y90" s="22"/>
      <c r="Z90" s="22"/>
      <c r="AA90" s="22"/>
      <c r="AB90" s="22"/>
      <c r="AC90" s="22"/>
      <c r="AD90" s="22"/>
      <c r="AE90" s="22"/>
      <c r="AF90" s="22"/>
      <c r="AG90" s="22"/>
      <c r="AH90" s="22"/>
      <c r="AI90" s="22"/>
      <c r="AJ90" s="22"/>
      <c r="AK90" s="22"/>
      <c r="AL90" s="22"/>
      <c r="AM90" s="22"/>
      <c r="AN90" s="22"/>
      <c r="AO90" s="22"/>
      <c r="AP90" s="22"/>
      <c r="AQ90" s="22"/>
      <c r="AR90" s="22"/>
      <c r="AS90" s="22"/>
      <c r="AT90" s="22"/>
      <c r="AU90" s="1"/>
      <c r="AV90" s="1"/>
      <c r="AW90" s="1"/>
      <c r="AX90" s="2"/>
      <c r="AY90" s="2"/>
      <c r="AZ90" s="2"/>
    </row>
    <row r="91" spans="1:52" ht="13.5" customHeight="1" x14ac:dyDescent="0.2">
      <c r="B91" s="1"/>
      <c r="C91" s="1"/>
      <c r="D91" s="1"/>
      <c r="E91" s="1"/>
      <c r="F91" s="1"/>
      <c r="G91" s="1"/>
      <c r="H91" s="1"/>
      <c r="I91" s="1"/>
      <c r="J91" s="1"/>
      <c r="K91" s="1"/>
      <c r="L91" s="1"/>
      <c r="M91" s="1"/>
      <c r="N91" s="1"/>
      <c r="O91" s="1"/>
      <c r="P91" s="1"/>
      <c r="Q91" s="1"/>
      <c r="R91" s="1"/>
      <c r="S91" s="1"/>
      <c r="T91" s="1"/>
      <c r="U91" s="1"/>
      <c r="V91" s="1"/>
      <c r="W91" s="1"/>
      <c r="X91" s="1"/>
      <c r="Y91" s="1"/>
      <c r="Z91" s="1"/>
      <c r="AA91" s="1"/>
      <c r="AB91" s="1"/>
      <c r="AC91" s="1"/>
      <c r="AD91" s="1"/>
      <c r="AE91" s="1"/>
      <c r="AF91" s="1"/>
      <c r="AG91" s="1"/>
      <c r="AH91" s="1"/>
      <c r="AI91" s="1"/>
      <c r="AJ91" s="1"/>
      <c r="AK91" s="1"/>
      <c r="AL91" s="1"/>
      <c r="AM91" s="1"/>
      <c r="AN91" s="1"/>
      <c r="AO91" s="1"/>
      <c r="AP91" s="1"/>
      <c r="AQ91" s="1"/>
      <c r="AR91" s="1"/>
      <c r="AS91" s="1"/>
      <c r="AT91" s="1"/>
      <c r="AU91" s="1"/>
    </row>
    <row r="92" spans="1:52" ht="13.5" customHeight="1" x14ac:dyDescent="0.2">
      <c r="B92" s="1"/>
      <c r="C92" s="1"/>
      <c r="D92" s="1"/>
      <c r="E92" s="1"/>
      <c r="F92" s="1"/>
      <c r="G92" s="1"/>
      <c r="H92" s="1"/>
      <c r="I92" s="1"/>
      <c r="J92" s="1"/>
      <c r="K92" s="1"/>
      <c r="L92" s="1"/>
      <c r="M92" s="1"/>
      <c r="N92" s="1"/>
      <c r="O92" s="1"/>
      <c r="P92" s="1"/>
      <c r="Q92" s="1"/>
      <c r="R92" s="1"/>
      <c r="S92" s="1"/>
      <c r="T92" s="1"/>
      <c r="U92" s="1"/>
      <c r="V92" s="1"/>
      <c r="W92" s="1"/>
      <c r="X92" s="1"/>
      <c r="Y92" s="1"/>
      <c r="Z92" s="1"/>
      <c r="AA92" s="1"/>
      <c r="AB92" s="1"/>
      <c r="AC92" s="1"/>
      <c r="AD92" s="1"/>
      <c r="AE92" s="1"/>
      <c r="AF92" s="1"/>
      <c r="AG92" s="1"/>
      <c r="AH92" s="1"/>
      <c r="AI92" s="1"/>
      <c r="AJ92" s="1"/>
      <c r="AK92" s="1"/>
      <c r="AL92" s="1"/>
      <c r="AM92" s="1"/>
      <c r="AN92" s="1"/>
      <c r="AO92" s="1"/>
      <c r="AP92" s="1"/>
      <c r="AQ92" s="1"/>
      <c r="AR92" s="1"/>
      <c r="AS92" s="1"/>
      <c r="AT92" s="1"/>
      <c r="AU92" s="1"/>
    </row>
    <row r="93" spans="1:52" ht="13.5" customHeight="1" x14ac:dyDescent="0.2">
      <c r="B93" s="1"/>
      <c r="C93" s="1"/>
      <c r="D93" s="1"/>
      <c r="E93" s="1"/>
      <c r="F93" s="1"/>
      <c r="G93" s="1"/>
      <c r="H93" s="1"/>
      <c r="I93" s="1"/>
      <c r="J93" s="1"/>
      <c r="K93" s="1"/>
      <c r="L93" s="1"/>
      <c r="M93" s="1"/>
      <c r="N93" s="1"/>
      <c r="O93" s="1"/>
      <c r="P93" s="1"/>
      <c r="Q93" s="1"/>
      <c r="R93" s="1"/>
      <c r="S93" s="1"/>
      <c r="T93" s="1"/>
      <c r="U93" s="1"/>
      <c r="V93" s="1"/>
      <c r="W93" s="1"/>
      <c r="X93" s="1"/>
      <c r="Y93" s="1"/>
      <c r="Z93" s="1"/>
      <c r="AA93" s="1"/>
      <c r="AB93" s="1"/>
      <c r="AC93" s="1"/>
      <c r="AD93" s="1"/>
      <c r="AE93" s="1"/>
      <c r="AF93" s="1"/>
      <c r="AG93" s="1"/>
      <c r="AH93" s="1"/>
      <c r="AI93" s="1"/>
      <c r="AJ93" s="1"/>
      <c r="AK93" s="1"/>
      <c r="AL93" s="1"/>
      <c r="AM93" s="1"/>
      <c r="AN93" s="1"/>
      <c r="AO93" s="1"/>
      <c r="AP93" s="1"/>
      <c r="AQ93" s="1"/>
      <c r="AR93" s="1"/>
      <c r="AS93" s="1"/>
      <c r="AT93" s="1"/>
      <c r="AU93" s="1"/>
    </row>
    <row r="94" spans="1:52" ht="13.5" customHeight="1" x14ac:dyDescent="0.2">
      <c r="B94" s="1"/>
      <c r="C94" s="1"/>
      <c r="D94" s="1"/>
      <c r="E94" s="1"/>
      <c r="F94" s="1"/>
      <c r="G94" s="1"/>
      <c r="H94" s="1"/>
      <c r="I94" s="1"/>
      <c r="J94" s="1"/>
      <c r="K94" s="1"/>
      <c r="L94" s="1"/>
      <c r="M94" s="1"/>
      <c r="N94" s="1"/>
      <c r="O94" s="1"/>
      <c r="P94" s="1"/>
      <c r="Q94" s="1"/>
      <c r="R94" s="1"/>
      <c r="S94" s="1"/>
      <c r="T94" s="1"/>
      <c r="U94" s="1"/>
      <c r="V94" s="1"/>
      <c r="W94" s="1"/>
      <c r="X94" s="1"/>
      <c r="Y94" s="1"/>
      <c r="Z94" s="1"/>
      <c r="AA94" s="1"/>
      <c r="AB94" s="1"/>
      <c r="AC94" s="1"/>
      <c r="AD94" s="1"/>
      <c r="AE94" s="1"/>
      <c r="AF94" s="1"/>
      <c r="AG94" s="1"/>
      <c r="AH94" s="1"/>
      <c r="AI94" s="1"/>
      <c r="AJ94" s="1"/>
      <c r="AK94" s="1"/>
      <c r="AL94" s="1"/>
      <c r="AM94" s="1"/>
      <c r="AN94" s="1"/>
      <c r="AO94" s="1"/>
      <c r="AP94" s="1"/>
      <c r="AQ94" s="1"/>
      <c r="AR94" s="1"/>
      <c r="AS94" s="1"/>
      <c r="AT94" s="1"/>
      <c r="AU94" s="1"/>
    </row>
    <row r="95" spans="1:52" ht="13.5" customHeight="1" x14ac:dyDescent="0.2">
      <c r="B95" s="1"/>
      <c r="C95" s="1"/>
      <c r="D95" s="1"/>
      <c r="E95" s="1"/>
      <c r="F95" s="1"/>
      <c r="G95" s="1"/>
      <c r="H95" s="1"/>
      <c r="I95" s="1"/>
      <c r="J95" s="1"/>
      <c r="K95" s="1"/>
      <c r="L95" s="1"/>
      <c r="M95" s="1"/>
      <c r="N95" s="1"/>
      <c r="O95" s="1"/>
      <c r="P95" s="1"/>
      <c r="Q95" s="1"/>
      <c r="R95" s="1"/>
      <c r="S95" s="1"/>
      <c r="T95" s="1"/>
      <c r="U95" s="1"/>
      <c r="V95" s="1"/>
      <c r="W95" s="1"/>
      <c r="X95" s="1"/>
      <c r="Y95" s="1"/>
      <c r="Z95" s="1"/>
      <c r="AA95" s="1"/>
      <c r="AB95" s="1"/>
      <c r="AC95" s="1"/>
      <c r="AD95" s="1"/>
      <c r="AE95" s="1"/>
      <c r="AF95" s="1"/>
      <c r="AG95" s="1"/>
      <c r="AH95" s="1"/>
      <c r="AI95" s="1"/>
      <c r="AJ95" s="1"/>
      <c r="AK95" s="1"/>
      <c r="AL95" s="1"/>
      <c r="AM95" s="1"/>
      <c r="AN95" s="1"/>
      <c r="AO95" s="1"/>
      <c r="AP95" s="1"/>
      <c r="AQ95" s="1"/>
      <c r="AR95" s="1"/>
      <c r="AS95" s="1"/>
      <c r="AT95" s="1"/>
      <c r="AU95" s="1"/>
    </row>
    <row r="96" spans="1:52" ht="13.5" customHeight="1" x14ac:dyDescent="0.2">
      <c r="B96" s="1"/>
      <c r="C96" s="1"/>
      <c r="D96" s="1"/>
      <c r="E96" s="1"/>
      <c r="F96" s="1"/>
      <c r="G96" s="1"/>
      <c r="H96" s="1"/>
      <c r="I96" s="1"/>
      <c r="J96" s="1"/>
      <c r="K96" s="1"/>
      <c r="L96" s="1"/>
      <c r="M96" s="1"/>
      <c r="N96" s="1"/>
      <c r="O96" s="1"/>
      <c r="P96" s="1"/>
      <c r="Q96" s="1"/>
      <c r="R96" s="1"/>
      <c r="S96" s="1"/>
      <c r="T96" s="1"/>
      <c r="U96" s="1"/>
      <c r="V96" s="1"/>
      <c r="W96" s="1"/>
      <c r="X96" s="1"/>
      <c r="Y96" s="1"/>
      <c r="Z96" s="1"/>
      <c r="AA96" s="1"/>
      <c r="AB96" s="1"/>
      <c r="AC96" s="1"/>
      <c r="AD96" s="1"/>
      <c r="AE96" s="1"/>
      <c r="AF96" s="1"/>
      <c r="AG96" s="1"/>
      <c r="AH96" s="1"/>
      <c r="AI96" s="1"/>
      <c r="AJ96" s="1"/>
      <c r="AK96" s="1"/>
      <c r="AL96" s="1"/>
      <c r="AM96" s="1"/>
      <c r="AN96" s="1"/>
      <c r="AO96" s="1"/>
      <c r="AP96" s="1"/>
      <c r="AQ96" s="1"/>
      <c r="AR96" s="1"/>
      <c r="AS96" s="1"/>
      <c r="AT96" s="1"/>
      <c r="AU96" s="1"/>
    </row>
    <row r="97" spans="25:41" s="1" customFormat="1" ht="13.5" customHeight="1" x14ac:dyDescent="0.2"/>
    <row r="98" spans="25:41" s="1" customFormat="1" ht="13.2" x14ac:dyDescent="0.2"/>
    <row r="99" spans="25:41" s="1" customFormat="1" ht="13.2" x14ac:dyDescent="0.2"/>
    <row r="100" spans="25:41" s="1" customFormat="1" ht="13.5" hidden="1" customHeight="1" x14ac:dyDescent="0.2"/>
    <row r="101" spans="25:41" s="1" customFormat="1" ht="13.5" hidden="1" customHeight="1" x14ac:dyDescent="0.2"/>
    <row r="102" spans="25:41" s="1" customFormat="1" ht="13.5" hidden="1" customHeight="1" x14ac:dyDescent="0.2"/>
    <row r="103" spans="25:41" s="1" customFormat="1" ht="13.5" hidden="1" customHeight="1" x14ac:dyDescent="0.2">
      <c r="Y103" s="568"/>
      <c r="Z103" s="568"/>
      <c r="AA103" s="569"/>
      <c r="AE103" s="483"/>
      <c r="AG103" s="571" t="s">
        <v>39</v>
      </c>
      <c r="AH103" s="568"/>
      <c r="AI103" s="569"/>
      <c r="AM103" s="571" t="s">
        <v>39</v>
      </c>
      <c r="AN103" s="568"/>
      <c r="AO103" s="569"/>
    </row>
    <row r="104" spans="25:41" s="1" customFormat="1" ht="13.5" hidden="1" customHeight="1" x14ac:dyDescent="0.2">
      <c r="Y104" s="22"/>
      <c r="Z104" s="22"/>
      <c r="AA104" s="23"/>
      <c r="AE104" s="24"/>
      <c r="AG104" s="25" t="s">
        <v>40</v>
      </c>
      <c r="AH104" s="26"/>
      <c r="AI104" s="27"/>
      <c r="AM104" s="25" t="s">
        <v>40</v>
      </c>
      <c r="AN104" s="26"/>
      <c r="AO104" s="27"/>
    </row>
    <row r="105" spans="25:41" s="1" customFormat="1" ht="13.5" hidden="1" customHeight="1" x14ac:dyDescent="0.2">
      <c r="Y105" s="22"/>
      <c r="Z105" s="22"/>
      <c r="AA105" s="23"/>
      <c r="AE105" s="27"/>
      <c r="AG105" s="25" t="s">
        <v>41</v>
      </c>
      <c r="AH105" s="26"/>
      <c r="AI105" s="27"/>
      <c r="AM105" s="25" t="s">
        <v>41</v>
      </c>
      <c r="AN105" s="26"/>
      <c r="AO105" s="27"/>
    </row>
    <row r="106" spans="25:41" s="1" customFormat="1" ht="13.5" hidden="1" customHeight="1" x14ac:dyDescent="0.2">
      <c r="Y106" s="22"/>
      <c r="Z106" s="22"/>
      <c r="AA106" s="23"/>
      <c r="AE106" s="27"/>
      <c r="AG106" s="28" t="s">
        <v>42</v>
      </c>
      <c r="AH106" s="29"/>
      <c r="AI106" s="30"/>
      <c r="AM106" s="28" t="s">
        <v>42</v>
      </c>
      <c r="AN106" s="29"/>
      <c r="AO106" s="30"/>
    </row>
    <row r="107" spans="25:41" s="1" customFormat="1" ht="13.5" hidden="1" customHeight="1" x14ac:dyDescent="0.2">
      <c r="Y107" s="22"/>
      <c r="Z107" s="22"/>
      <c r="AA107" s="23"/>
      <c r="AE107" s="27"/>
      <c r="AG107" s="22"/>
      <c r="AH107" s="26"/>
      <c r="AI107" s="26"/>
      <c r="AM107" s="22"/>
      <c r="AN107" s="26"/>
      <c r="AO107" s="26"/>
    </row>
    <row r="108" spans="25:41" s="1" customFormat="1" ht="13.5" hidden="1" customHeight="1" x14ac:dyDescent="0.2">
      <c r="Y108" s="22"/>
      <c r="Z108" s="22"/>
      <c r="AA108" s="23"/>
      <c r="AE108" s="27"/>
      <c r="AG108" s="22"/>
      <c r="AH108" s="26"/>
      <c r="AI108" s="26"/>
      <c r="AM108" s="22"/>
      <c r="AN108" s="26"/>
      <c r="AO108" s="26"/>
    </row>
    <row r="109" spans="25:41" s="1" customFormat="1" ht="13.5" hidden="1" customHeight="1" x14ac:dyDescent="0.2">
      <c r="Y109" s="22"/>
      <c r="Z109" s="22"/>
      <c r="AA109" s="23"/>
      <c r="AE109" s="31"/>
    </row>
    <row r="110" spans="25:41" s="1" customFormat="1" ht="13.5" hidden="1" customHeight="1" x14ac:dyDescent="0.2">
      <c r="Y110" s="22"/>
      <c r="Z110" s="22"/>
      <c r="AA110" s="23"/>
      <c r="AG110" s="571" t="s">
        <v>43</v>
      </c>
      <c r="AH110" s="568"/>
      <c r="AI110" s="569"/>
      <c r="AM110" s="571" t="s">
        <v>43</v>
      </c>
      <c r="AN110" s="568"/>
      <c r="AO110" s="569"/>
    </row>
    <row r="111" spans="25:41" s="1" customFormat="1" ht="13.5" hidden="1" customHeight="1" x14ac:dyDescent="0.2">
      <c r="Y111" s="29"/>
      <c r="Z111" s="29"/>
      <c r="AA111" s="30"/>
      <c r="AG111" s="25" t="s">
        <v>40</v>
      </c>
      <c r="AH111" s="26"/>
      <c r="AI111" s="27"/>
      <c r="AM111" s="25" t="s">
        <v>40</v>
      </c>
      <c r="AN111" s="26"/>
      <c r="AO111" s="27"/>
    </row>
    <row r="112" spans="25:41" s="1" customFormat="1" ht="13.5" hidden="1" customHeight="1" x14ac:dyDescent="0.2">
      <c r="Y112" s="22"/>
      <c r="Z112" s="22"/>
      <c r="AE112" s="568"/>
      <c r="AF112" s="569"/>
      <c r="AG112" s="25" t="s">
        <v>41</v>
      </c>
      <c r="AH112" s="26"/>
      <c r="AI112" s="27"/>
      <c r="AM112" s="25" t="s">
        <v>41</v>
      </c>
      <c r="AN112" s="26"/>
      <c r="AO112" s="27"/>
    </row>
    <row r="113" spans="25:41" s="1" customFormat="1" ht="13.5" hidden="1" customHeight="1" x14ac:dyDescent="0.2">
      <c r="AE113" s="26"/>
      <c r="AF113" s="23"/>
      <c r="AG113" s="28" t="s">
        <v>42</v>
      </c>
      <c r="AH113" s="29"/>
      <c r="AI113" s="30"/>
      <c r="AM113" s="28" t="s">
        <v>42</v>
      </c>
      <c r="AN113" s="29"/>
      <c r="AO113" s="30"/>
    </row>
    <row r="114" spans="25:41" s="1" customFormat="1" ht="13.5" hidden="1" customHeight="1" x14ac:dyDescent="0.2">
      <c r="Y114" s="32"/>
      <c r="Z114" s="32"/>
      <c r="AE114" s="26"/>
      <c r="AF114" s="23"/>
      <c r="AG114" s="22"/>
      <c r="AH114" s="26"/>
      <c r="AI114" s="26"/>
      <c r="AM114" s="22"/>
      <c r="AN114" s="26"/>
      <c r="AO114" s="26"/>
    </row>
    <row r="115" spans="25:41" s="1" customFormat="1" ht="13.5" hidden="1" customHeight="1" x14ac:dyDescent="0.2">
      <c r="Y115" s="22"/>
      <c r="Z115" s="22"/>
      <c r="AE115" s="26"/>
      <c r="AF115" s="23"/>
      <c r="AG115" s="22"/>
      <c r="AH115" s="26"/>
      <c r="AI115" s="26"/>
      <c r="AM115" s="22"/>
      <c r="AN115" s="26"/>
      <c r="AO115" s="26"/>
    </row>
    <row r="116" spans="25:41" s="1" customFormat="1" ht="13.5" hidden="1" customHeight="1" x14ac:dyDescent="0.2">
      <c r="Y116" s="22"/>
      <c r="Z116" s="22"/>
      <c r="AE116" s="26"/>
      <c r="AF116" s="23"/>
    </row>
    <row r="117" spans="25:41" s="1" customFormat="1" ht="13.5" hidden="1" customHeight="1" x14ac:dyDescent="0.2">
      <c r="Y117" s="22"/>
      <c r="Z117" s="22"/>
      <c r="AE117" s="26"/>
      <c r="AF117" s="23"/>
    </row>
    <row r="118" spans="25:41" s="1" customFormat="1" ht="13.5" hidden="1" customHeight="1" x14ac:dyDescent="0.2">
      <c r="Y118" s="22"/>
      <c r="Z118" s="22"/>
      <c r="AE118" s="26"/>
      <c r="AF118" s="23"/>
    </row>
    <row r="119" spans="25:41" s="1" customFormat="1" ht="13.5" hidden="1" customHeight="1" x14ac:dyDescent="0.2">
      <c r="Y119" s="22"/>
      <c r="Z119" s="22"/>
      <c r="AE119" s="26"/>
      <c r="AF119" s="23"/>
    </row>
    <row r="120" spans="25:41" s="1" customFormat="1" ht="13.5" hidden="1" customHeight="1" x14ac:dyDescent="0.2">
      <c r="Y120" s="22"/>
      <c r="Z120" s="22"/>
      <c r="AE120" s="26"/>
      <c r="AF120" s="23"/>
    </row>
    <row r="121" spans="25:41" s="1" customFormat="1" ht="13.5" hidden="1" customHeight="1" x14ac:dyDescent="0.2">
      <c r="Y121" s="22"/>
      <c r="Z121" s="22"/>
      <c r="AE121" s="26"/>
      <c r="AF121" s="23"/>
    </row>
    <row r="122" spans="25:41" s="1" customFormat="1" ht="13.5" hidden="1" customHeight="1" x14ac:dyDescent="0.2">
      <c r="Y122" s="22"/>
      <c r="Z122" s="22"/>
      <c r="AE122" s="33"/>
      <c r="AF122" s="30"/>
    </row>
    <row r="123" spans="25:41" s="1" customFormat="1" ht="13.5" hidden="1" customHeight="1" x14ac:dyDescent="0.2">
      <c r="Y123" s="22"/>
      <c r="Z123" s="22"/>
    </row>
    <row r="124" spans="25:41" s="1" customFormat="1" ht="13.5" hidden="1" customHeight="1" x14ac:dyDescent="0.2">
      <c r="Y124" s="22"/>
      <c r="Z124" s="22"/>
    </row>
    <row r="125" spans="25:41" s="1" customFormat="1" ht="13.5" hidden="1" customHeight="1" x14ac:dyDescent="0.2">
      <c r="Y125" s="22"/>
      <c r="Z125" s="22"/>
    </row>
    <row r="126" spans="25:41" s="1" customFormat="1" ht="13.5" hidden="1" customHeight="1" x14ac:dyDescent="0.2"/>
    <row r="127" spans="25:41" s="1" customFormat="1" ht="13.5" hidden="1" customHeight="1" x14ac:dyDescent="0.2"/>
    <row r="128" spans="25:41" s="1" customFormat="1" ht="13.5" hidden="1" customHeight="1" x14ac:dyDescent="0.2">
      <c r="Y128" s="568"/>
      <c r="Z128" s="568"/>
      <c r="AA128" s="568"/>
      <c r="AB128" s="568"/>
      <c r="AC128" s="568"/>
      <c r="AD128" s="32"/>
    </row>
    <row r="129" spans="25:46" s="1" customFormat="1" ht="13.2" hidden="1" x14ac:dyDescent="0.2">
      <c r="Y129" s="26"/>
      <c r="Z129" s="26"/>
      <c r="AA129" s="26"/>
      <c r="AB129" s="26"/>
      <c r="AC129" s="26"/>
      <c r="AD129" s="26"/>
    </row>
    <row r="130" spans="25:46" s="1" customFormat="1" ht="13.2" hidden="1" x14ac:dyDescent="0.2">
      <c r="Y130" s="33"/>
      <c r="Z130" s="33"/>
      <c r="AA130" s="33"/>
      <c r="AB130" s="33"/>
      <c r="AC130" s="33"/>
      <c r="AD130" s="26"/>
    </row>
    <row r="131" spans="25:46" s="1" customFormat="1" ht="13.2" hidden="1" x14ac:dyDescent="0.2"/>
    <row r="132" spans="25:46" s="1" customFormat="1" ht="13.2" hidden="1" x14ac:dyDescent="0.2"/>
    <row r="133" spans="25:46" s="1" customFormat="1" ht="13.2" hidden="1" x14ac:dyDescent="0.2">
      <c r="Y133" s="568"/>
      <c r="Z133" s="568"/>
      <c r="AA133" s="569"/>
      <c r="AE133" s="34"/>
      <c r="AF133" s="34"/>
      <c r="AG133" s="34"/>
      <c r="AH133" s="34"/>
      <c r="AI133" s="34"/>
      <c r="AJ133" s="34"/>
      <c r="AK133" s="34"/>
      <c r="AL133" s="34"/>
      <c r="AM133" s="34"/>
      <c r="AN133" s="34"/>
      <c r="AO133" s="34"/>
      <c r="AP133" s="34"/>
      <c r="AQ133" s="34"/>
      <c r="AR133" s="34"/>
      <c r="AS133" s="34"/>
      <c r="AT133" s="34"/>
    </row>
    <row r="134" spans="25:46" s="1" customFormat="1" ht="13.2" hidden="1" x14ac:dyDescent="0.2">
      <c r="Y134" s="22"/>
      <c r="Z134" s="22"/>
      <c r="AA134" s="23"/>
      <c r="AE134" s="34"/>
      <c r="AF134" s="34"/>
      <c r="AG134" s="34"/>
      <c r="AH134" s="34"/>
      <c r="AI134" s="34"/>
      <c r="AJ134" s="34"/>
      <c r="AK134" s="34"/>
      <c r="AL134" s="34"/>
      <c r="AM134" s="34"/>
      <c r="AN134" s="34"/>
      <c r="AO134" s="34"/>
      <c r="AP134" s="34"/>
      <c r="AQ134" s="34"/>
      <c r="AR134" s="34"/>
      <c r="AS134" s="34"/>
      <c r="AT134" s="34"/>
    </row>
    <row r="135" spans="25:46" s="1" customFormat="1" ht="13.2" hidden="1" x14ac:dyDescent="0.2">
      <c r="Y135" s="29"/>
      <c r="Z135" s="29"/>
      <c r="AA135" s="30"/>
      <c r="AE135" s="34"/>
      <c r="AF135" s="34"/>
      <c r="AG135" s="34"/>
      <c r="AH135" s="34"/>
      <c r="AI135" s="34"/>
      <c r="AJ135" s="34"/>
      <c r="AK135" s="34"/>
      <c r="AL135" s="34"/>
      <c r="AM135" s="34"/>
      <c r="AN135" s="34"/>
      <c r="AO135" s="34"/>
      <c r="AP135" s="34"/>
      <c r="AQ135" s="34"/>
      <c r="AR135" s="34"/>
      <c r="AS135" s="34"/>
      <c r="AT135" s="34"/>
    </row>
    <row r="136" spans="25:46" s="1" customFormat="1" ht="13.2" hidden="1" x14ac:dyDescent="0.2"/>
    <row r="137" spans="25:46" s="1" customFormat="1" ht="13.2" hidden="1" x14ac:dyDescent="0.2"/>
    <row r="138" spans="25:46" s="1" customFormat="1" ht="13.2" hidden="1" x14ac:dyDescent="0.2">
      <c r="Y138" s="568"/>
      <c r="Z138" s="568"/>
      <c r="AA138" s="569"/>
    </row>
    <row r="139" spans="25:46" s="1" customFormat="1" ht="13.2" hidden="1" x14ac:dyDescent="0.2">
      <c r="Y139" s="22"/>
      <c r="Z139" s="22"/>
      <c r="AA139" s="23"/>
    </row>
    <row r="140" spans="25:46" s="1" customFormat="1" ht="13.2" hidden="1" x14ac:dyDescent="0.2">
      <c r="Y140" s="29"/>
      <c r="Z140" s="29"/>
      <c r="AA140" s="30"/>
    </row>
    <row r="141" spans="25:46" s="1" customFormat="1" ht="13.2" hidden="1" x14ac:dyDescent="0.2"/>
    <row r="142" spans="25:46" s="1" customFormat="1" ht="13.2" hidden="1" x14ac:dyDescent="0.2"/>
    <row r="143" spans="25:46" s="1" customFormat="1" ht="13.2" hidden="1" x14ac:dyDescent="0.2"/>
    <row r="144" spans="25:46" s="1" customFormat="1" ht="13.2" hidden="1" x14ac:dyDescent="0.2">
      <c r="Y144" s="35"/>
      <c r="Z144" s="35"/>
    </row>
    <row r="145" spans="25:27" s="1" customFormat="1" ht="13.2" hidden="1" x14ac:dyDescent="0.2">
      <c r="Y145" s="35"/>
      <c r="Z145" s="35"/>
    </row>
    <row r="146" spans="25:27" s="1" customFormat="1" ht="13.2" hidden="1" x14ac:dyDescent="0.2">
      <c r="Y146" s="35"/>
      <c r="Z146" s="35"/>
    </row>
    <row r="147" spans="25:27" s="1" customFormat="1" ht="13.2" hidden="1" x14ac:dyDescent="0.2">
      <c r="Y147" s="35"/>
      <c r="Z147" s="35"/>
    </row>
    <row r="148" spans="25:27" s="1" customFormat="1" ht="13.2" hidden="1" x14ac:dyDescent="0.2"/>
    <row r="149" spans="25:27" s="1" customFormat="1" ht="13.2" hidden="1" x14ac:dyDescent="0.2">
      <c r="Y149" s="35"/>
      <c r="Z149" s="35"/>
    </row>
    <row r="150" spans="25:27" s="1" customFormat="1" ht="13.2" hidden="1" x14ac:dyDescent="0.2">
      <c r="Y150" s="35"/>
      <c r="Z150" s="35"/>
    </row>
    <row r="151" spans="25:27" s="1" customFormat="1" ht="13.2" hidden="1" x14ac:dyDescent="0.2"/>
    <row r="152" spans="25:27" s="1" customFormat="1" ht="13.2" hidden="1" x14ac:dyDescent="0.2"/>
    <row r="153" spans="25:27" s="1" customFormat="1" x14ac:dyDescent="0.2">
      <c r="Y153" s="76"/>
    </row>
    <row r="154" spans="25:27" x14ac:dyDescent="0.2">
      <c r="Y154" s="2"/>
      <c r="Z154" s="2"/>
      <c r="AA154" s="2"/>
    </row>
  </sheetData>
  <mergeCells count="120">
    <mergeCell ref="AH2:AQ2"/>
    <mergeCell ref="AH4:AS6"/>
    <mergeCell ref="C7:AT7"/>
    <mergeCell ref="D10:D16"/>
    <mergeCell ref="AG16:AS16"/>
    <mergeCell ref="D17:D33"/>
    <mergeCell ref="AF24:AS24"/>
    <mergeCell ref="M25:Z25"/>
    <mergeCell ref="AF26:AS26"/>
    <mergeCell ref="E31:M33"/>
    <mergeCell ref="O31:AO31"/>
    <mergeCell ref="AP31:AS33"/>
    <mergeCell ref="N32:O32"/>
    <mergeCell ref="N33:O33"/>
    <mergeCell ref="D34:D35"/>
    <mergeCell ref="E34:AO34"/>
    <mergeCell ref="AP34:AS34"/>
    <mergeCell ref="E35:AO35"/>
    <mergeCell ref="AP35:AS35"/>
    <mergeCell ref="F41:AE42"/>
    <mergeCell ref="AF41:AS42"/>
    <mergeCell ref="D43:D45"/>
    <mergeCell ref="I43:AE43"/>
    <mergeCell ref="F45:AE45"/>
    <mergeCell ref="AG45:AR45"/>
    <mergeCell ref="D36:D42"/>
    <mergeCell ref="E36:AE36"/>
    <mergeCell ref="AF36:AS36"/>
    <mergeCell ref="E37:E38"/>
    <mergeCell ref="F37:AE38"/>
    <mergeCell ref="AF37:AS38"/>
    <mergeCell ref="E39:E40"/>
    <mergeCell ref="F39:AE40"/>
    <mergeCell ref="AF39:AS40"/>
    <mergeCell ref="E41:E42"/>
    <mergeCell ref="D47:U48"/>
    <mergeCell ref="D49:D52"/>
    <mergeCell ref="E49:AP49"/>
    <mergeCell ref="AQ49:AS49"/>
    <mergeCell ref="E50:F50"/>
    <mergeCell ref="G50:AP50"/>
    <mergeCell ref="AQ50:AS50"/>
    <mergeCell ref="E51:F51"/>
    <mergeCell ref="G51:AP51"/>
    <mergeCell ref="AQ51:AS51"/>
    <mergeCell ref="E52:F52"/>
    <mergeCell ref="G52:AP52"/>
    <mergeCell ref="AQ52:AS52"/>
    <mergeCell ref="D53:D62"/>
    <mergeCell ref="E53:L56"/>
    <mergeCell ref="I57:Z57"/>
    <mergeCell ref="AA57:AE57"/>
    <mergeCell ref="AF57:AS57"/>
    <mergeCell ref="AA58:AE59"/>
    <mergeCell ref="AF58:AS58"/>
    <mergeCell ref="F59:Z59"/>
    <mergeCell ref="AF59:AS59"/>
    <mergeCell ref="AB62:AS62"/>
    <mergeCell ref="B63:B86"/>
    <mergeCell ref="C63:C86"/>
    <mergeCell ref="D63:D67"/>
    <mergeCell ref="E63:V63"/>
    <mergeCell ref="W63:Z63"/>
    <mergeCell ref="AA63:AO63"/>
    <mergeCell ref="AP63:AS63"/>
    <mergeCell ref="AT63:AT86"/>
    <mergeCell ref="AU63:AU86"/>
    <mergeCell ref="AP64:AS64"/>
    <mergeCell ref="I65:Z65"/>
    <mergeCell ref="AA65:AE67"/>
    <mergeCell ref="AF65:AS67"/>
    <mergeCell ref="F67:Z67"/>
    <mergeCell ref="E75:E76"/>
    <mergeCell ref="F75:N75"/>
    <mergeCell ref="D68:D71"/>
    <mergeCell ref="E68:F68"/>
    <mergeCell ref="Z68:AA68"/>
    <mergeCell ref="E69:F69"/>
    <mergeCell ref="Z69:AA69"/>
    <mergeCell ref="E70:F70"/>
    <mergeCell ref="Z70:AA70"/>
    <mergeCell ref="O75:AE76"/>
    <mergeCell ref="AF75:AS76"/>
    <mergeCell ref="F76:N76"/>
    <mergeCell ref="E77:E78"/>
    <mergeCell ref="F77:N77"/>
    <mergeCell ref="O77:AE78"/>
    <mergeCell ref="AF77:AS78"/>
    <mergeCell ref="F78:N78"/>
    <mergeCell ref="D72:D80"/>
    <mergeCell ref="E72:N72"/>
    <mergeCell ref="O72:AE72"/>
    <mergeCell ref="AF72:AS72"/>
    <mergeCell ref="E73:E74"/>
    <mergeCell ref="F73:N73"/>
    <mergeCell ref="O73:AE74"/>
    <mergeCell ref="E64:V64"/>
    <mergeCell ref="W64:Z64"/>
    <mergeCell ref="AA64:AO64"/>
    <mergeCell ref="AF73:AS74"/>
    <mergeCell ref="F74:N74"/>
    <mergeCell ref="AE112:AF112"/>
    <mergeCell ref="Y128:AC128"/>
    <mergeCell ref="Y133:AA133"/>
    <mergeCell ref="Y138:AA138"/>
    <mergeCell ref="C87:AT89"/>
    <mergeCell ref="Y103:AA103"/>
    <mergeCell ref="AG103:AI103"/>
    <mergeCell ref="AM103:AO103"/>
    <mergeCell ref="AG110:AI110"/>
    <mergeCell ref="AM110:AO110"/>
    <mergeCell ref="E71:F71"/>
    <mergeCell ref="Z71:AA71"/>
    <mergeCell ref="E79:E80"/>
    <mergeCell ref="F79:N79"/>
    <mergeCell ref="O79:AE80"/>
    <mergeCell ref="AF79:AS80"/>
    <mergeCell ref="F80:N80"/>
    <mergeCell ref="D81:D86"/>
    <mergeCell ref="E81:AS86"/>
  </mergeCells>
  <phoneticPr fontId="59"/>
  <printOptions horizontalCentered="1" verticalCentered="1"/>
  <pageMargins left="0.19685039370078741" right="0.19685039370078741" top="0.19685039370078741" bottom="0.19685039370078741" header="0.19685039370078741" footer="0.19685039370078741"/>
  <pageSetup paperSize="9" scale="70" fitToHeight="0" orientation="portrait" r:id="rId1"/>
  <headerFooter>
    <oddHeader>&amp;R別紙様式１</oddHeader>
  </headerFooter>
  <rowBreaks count="1" manualBreakCount="1">
    <brk id="45" min="2" max="45"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sheetPr>
  <dimension ref="A1:AZ153"/>
  <sheetViews>
    <sheetView view="pageBreakPreview" topLeftCell="A54" zoomScaleNormal="100" zoomScaleSheetLayoutView="100" workbookViewId="0">
      <selection activeCell="E63" sqref="E63:AS64"/>
    </sheetView>
  </sheetViews>
  <sheetFormatPr defaultColWidth="9" defaultRowHeight="18" x14ac:dyDescent="0.45"/>
  <cols>
    <col min="1" max="1" width="2.69921875" style="76" customWidth="1"/>
    <col min="2" max="3" width="1.59765625" style="76" customWidth="1"/>
    <col min="4" max="11" width="2.59765625" style="76" customWidth="1"/>
    <col min="12" max="12" width="5.19921875" style="76" customWidth="1"/>
    <col min="13" max="13" width="4" style="76" customWidth="1"/>
    <col min="14" max="43" width="2.59765625" style="76" customWidth="1"/>
    <col min="44" max="44" width="4.3984375" style="76" customWidth="1"/>
    <col min="45" max="45" width="4.69921875" style="76" customWidth="1"/>
    <col min="46" max="47" width="1.59765625" style="76" customWidth="1"/>
    <col min="48" max="48" width="4.59765625" style="76" customWidth="1"/>
    <col min="49" max="49" width="9" style="76" customWidth="1"/>
    <col min="50" max="16384" width="9" style="76"/>
  </cols>
  <sheetData>
    <row r="1" spans="1:49" ht="9.9" customHeight="1" x14ac:dyDescent="0.2">
      <c r="A1" s="1"/>
      <c r="B1" s="222"/>
      <c r="C1" s="222"/>
      <c r="D1" s="222"/>
      <c r="E1" s="222"/>
      <c r="F1" s="222"/>
      <c r="G1" s="222"/>
      <c r="H1" s="222"/>
      <c r="I1" s="222"/>
      <c r="J1" s="222"/>
      <c r="K1" s="222"/>
      <c r="L1" s="222"/>
      <c r="M1" s="222"/>
      <c r="N1" s="222"/>
      <c r="O1" s="222"/>
      <c r="P1" s="222"/>
      <c r="Q1" s="222"/>
      <c r="R1" s="222"/>
      <c r="S1" s="222"/>
      <c r="T1" s="222"/>
      <c r="U1" s="222"/>
      <c r="V1" s="222"/>
      <c r="W1" s="222"/>
      <c r="X1" s="222"/>
      <c r="Y1" s="222"/>
      <c r="Z1" s="222"/>
      <c r="AA1" s="222"/>
      <c r="AB1" s="222"/>
      <c r="AC1" s="222"/>
      <c r="AD1" s="222"/>
      <c r="AE1" s="222"/>
      <c r="AF1" s="222"/>
      <c r="AG1" s="222"/>
      <c r="AH1" s="222"/>
      <c r="AI1" s="222"/>
      <c r="AJ1" s="222"/>
      <c r="AK1" s="222"/>
      <c r="AL1" s="222"/>
      <c r="AM1" s="222"/>
      <c r="AN1" s="222"/>
      <c r="AO1" s="222"/>
      <c r="AP1" s="222"/>
      <c r="AQ1" s="222"/>
      <c r="AR1" s="222"/>
      <c r="AS1" s="222"/>
      <c r="AT1" s="222"/>
      <c r="AU1" s="222"/>
      <c r="AV1" s="1"/>
      <c r="AW1" s="1"/>
    </row>
    <row r="2" spans="1:49" ht="22.5" customHeight="1" x14ac:dyDescent="0.2">
      <c r="A2" s="1"/>
      <c r="B2" s="222"/>
      <c r="C2" s="221"/>
      <c r="D2" s="158" t="s">
        <v>132</v>
      </c>
      <c r="E2" s="92"/>
      <c r="F2" s="92"/>
      <c r="G2" s="92"/>
      <c r="H2" s="92"/>
      <c r="I2" s="92"/>
      <c r="J2" s="92"/>
      <c r="K2" s="92"/>
      <c r="L2" s="92"/>
      <c r="M2" s="92"/>
      <c r="N2" s="92"/>
      <c r="O2" s="92"/>
      <c r="P2" s="92"/>
      <c r="Q2" s="92"/>
      <c r="R2" s="92"/>
      <c r="S2" s="92"/>
      <c r="T2" s="92"/>
      <c r="U2" s="92"/>
      <c r="V2" s="92"/>
      <c r="W2" s="92"/>
      <c r="Y2" s="93"/>
      <c r="Z2" s="93"/>
      <c r="AA2" s="93"/>
      <c r="AB2" s="93"/>
      <c r="AC2" s="93"/>
      <c r="AD2" s="93"/>
      <c r="AE2" s="93"/>
      <c r="AF2" s="93"/>
      <c r="AG2" s="93"/>
      <c r="AH2" s="741" t="s">
        <v>57</v>
      </c>
      <c r="AI2" s="741"/>
      <c r="AJ2" s="741"/>
      <c r="AK2" s="741"/>
      <c r="AL2" s="741"/>
      <c r="AM2" s="741"/>
      <c r="AN2" s="741"/>
      <c r="AO2" s="741"/>
      <c r="AP2" s="741"/>
      <c r="AQ2" s="741"/>
      <c r="AR2" s="225"/>
      <c r="AS2" s="225"/>
      <c r="AT2" s="221"/>
      <c r="AU2" s="222"/>
      <c r="AV2" s="1"/>
      <c r="AW2" s="1"/>
    </row>
    <row r="3" spans="1:49" ht="22.5" customHeight="1" x14ac:dyDescent="0.2">
      <c r="A3" s="1"/>
      <c r="B3" s="222"/>
      <c r="C3" s="221"/>
      <c r="D3" s="42"/>
      <c r="E3" s="62" t="s">
        <v>185</v>
      </c>
      <c r="F3" s="92"/>
      <c r="G3" s="92"/>
      <c r="H3" s="92"/>
      <c r="I3" s="92"/>
      <c r="J3" s="92"/>
      <c r="K3" s="92"/>
      <c r="L3" s="92"/>
      <c r="M3" s="92"/>
      <c r="N3" s="92"/>
      <c r="O3" s="92"/>
      <c r="P3" s="92"/>
      <c r="Q3" s="92"/>
      <c r="R3" s="92"/>
      <c r="S3" s="92"/>
      <c r="T3" s="92"/>
      <c r="U3" s="92"/>
      <c r="V3" s="92"/>
      <c r="W3" s="92"/>
      <c r="X3" s="92"/>
      <c r="Y3" s="92"/>
      <c r="Z3" s="92"/>
      <c r="AA3" s="92"/>
      <c r="AB3" s="92"/>
      <c r="AC3" s="92"/>
      <c r="AD3" s="92"/>
      <c r="AE3" s="92"/>
      <c r="AF3" s="92"/>
      <c r="AG3" s="92"/>
      <c r="AH3" s="92" t="s">
        <v>58</v>
      </c>
      <c r="AI3" s="94"/>
      <c r="AJ3" s="94"/>
      <c r="AK3" s="92"/>
      <c r="AL3" s="226"/>
      <c r="AM3" s="226"/>
      <c r="AN3" s="226"/>
      <c r="AO3" s="226"/>
      <c r="AP3" s="226"/>
      <c r="AQ3" s="226"/>
      <c r="AR3" s="226"/>
      <c r="AS3" s="226"/>
      <c r="AT3" s="221"/>
      <c r="AU3" s="222"/>
      <c r="AV3" s="1"/>
      <c r="AW3" s="1"/>
    </row>
    <row r="4" spans="1:49" ht="18.75" customHeight="1" x14ac:dyDescent="0.45">
      <c r="A4" s="1"/>
      <c r="B4" s="222"/>
      <c r="C4" s="221"/>
      <c r="D4" s="42"/>
      <c r="E4" s="95" t="s">
        <v>161</v>
      </c>
      <c r="F4" s="95"/>
      <c r="G4" s="95"/>
      <c r="H4" s="95"/>
      <c r="I4" s="95"/>
      <c r="J4" s="95"/>
      <c r="K4" s="95"/>
      <c r="L4" s="95"/>
      <c r="M4" s="95"/>
      <c r="N4" s="95"/>
      <c r="O4" s="95"/>
      <c r="P4" s="95"/>
      <c r="Q4" s="95"/>
      <c r="R4" s="95"/>
      <c r="S4" s="95"/>
      <c r="T4" s="92"/>
      <c r="U4" s="92"/>
      <c r="V4" s="92"/>
      <c r="W4" s="92"/>
      <c r="X4" s="92"/>
      <c r="Y4" s="92"/>
      <c r="Z4" s="92"/>
      <c r="AA4" s="92"/>
      <c r="AB4" s="92"/>
      <c r="AC4" s="92"/>
      <c r="AD4" s="92"/>
      <c r="AE4" s="92"/>
      <c r="AF4" s="92"/>
      <c r="AG4" s="92"/>
      <c r="AH4" s="742" t="s">
        <v>164</v>
      </c>
      <c r="AI4" s="742"/>
      <c r="AJ4" s="742"/>
      <c r="AK4" s="742"/>
      <c r="AL4" s="742"/>
      <c r="AM4" s="742"/>
      <c r="AN4" s="742"/>
      <c r="AO4" s="742"/>
      <c r="AP4" s="742"/>
      <c r="AQ4" s="742"/>
      <c r="AR4" s="742"/>
      <c r="AS4" s="742"/>
      <c r="AT4" s="221"/>
      <c r="AU4" s="222"/>
      <c r="AV4" s="1"/>
      <c r="AW4" s="77"/>
    </row>
    <row r="5" spans="1:49" ht="22.5" customHeight="1" thickBot="1" x14ac:dyDescent="0.25">
      <c r="A5" s="1"/>
      <c r="B5" s="222"/>
      <c r="C5" s="221"/>
      <c r="D5" s="42"/>
      <c r="E5" s="227"/>
      <c r="F5" s="227"/>
      <c r="G5" s="227"/>
      <c r="H5" s="227"/>
      <c r="I5" s="227"/>
      <c r="J5" s="227"/>
      <c r="K5" s="227"/>
      <c r="L5" s="227"/>
      <c r="M5" s="227"/>
      <c r="N5" s="227"/>
      <c r="O5" s="227"/>
      <c r="P5" s="227"/>
      <c r="Q5" s="227"/>
      <c r="R5" s="227"/>
      <c r="S5" s="98" t="s">
        <v>59</v>
      </c>
      <c r="T5" s="92"/>
      <c r="U5" s="92"/>
      <c r="V5" s="92"/>
      <c r="W5" s="92"/>
      <c r="X5" s="92"/>
      <c r="Y5" s="92"/>
      <c r="Z5" s="92"/>
      <c r="AA5" s="92"/>
      <c r="AB5" s="92"/>
      <c r="AC5" s="92"/>
      <c r="AD5" s="92"/>
      <c r="AE5" s="92"/>
      <c r="AF5" s="92"/>
      <c r="AG5" s="96"/>
      <c r="AH5" s="742"/>
      <c r="AI5" s="742"/>
      <c r="AJ5" s="742"/>
      <c r="AK5" s="742"/>
      <c r="AL5" s="742"/>
      <c r="AM5" s="742"/>
      <c r="AN5" s="742"/>
      <c r="AO5" s="742"/>
      <c r="AP5" s="742"/>
      <c r="AQ5" s="742"/>
      <c r="AR5" s="742"/>
      <c r="AS5" s="742"/>
      <c r="AT5" s="221"/>
      <c r="AU5" s="222"/>
      <c r="AV5" s="1"/>
      <c r="AW5" s="1"/>
    </row>
    <row r="6" spans="1:49" ht="7.5" customHeight="1" x14ac:dyDescent="0.2">
      <c r="A6" s="1"/>
      <c r="B6" s="222"/>
      <c r="C6" s="221"/>
      <c r="D6" s="42"/>
      <c r="E6" s="92"/>
      <c r="F6" s="92"/>
      <c r="G6" s="92"/>
      <c r="H6" s="92"/>
      <c r="I6" s="92"/>
      <c r="J6" s="92"/>
      <c r="K6" s="92"/>
      <c r="L6" s="92"/>
      <c r="M6" s="92"/>
      <c r="N6" s="92"/>
      <c r="O6" s="92"/>
      <c r="P6" s="92"/>
      <c r="Q6" s="92"/>
      <c r="R6" s="92"/>
      <c r="S6" s="92"/>
      <c r="T6" s="92"/>
      <c r="U6" s="92"/>
      <c r="V6" s="92"/>
      <c r="W6" s="92"/>
      <c r="X6" s="92"/>
      <c r="Y6" s="92"/>
      <c r="Z6" s="92"/>
      <c r="AA6" s="92"/>
      <c r="AB6" s="92"/>
      <c r="AC6" s="92"/>
      <c r="AD6" s="92"/>
      <c r="AE6" s="92"/>
      <c r="AF6" s="92"/>
      <c r="AG6" s="92"/>
      <c r="AH6" s="742"/>
      <c r="AI6" s="742"/>
      <c r="AJ6" s="742"/>
      <c r="AK6" s="742"/>
      <c r="AL6" s="742"/>
      <c r="AM6" s="742"/>
      <c r="AN6" s="742"/>
      <c r="AO6" s="742"/>
      <c r="AP6" s="742"/>
      <c r="AQ6" s="742"/>
      <c r="AR6" s="742"/>
      <c r="AS6" s="742"/>
      <c r="AT6" s="221"/>
      <c r="AU6" s="222"/>
      <c r="AV6" s="1"/>
      <c r="AW6" s="1"/>
    </row>
    <row r="7" spans="1:49" ht="22.5" customHeight="1" x14ac:dyDescent="0.2">
      <c r="A7" s="1"/>
      <c r="B7" s="222"/>
      <c r="C7" s="743" t="s">
        <v>131</v>
      </c>
      <c r="D7" s="743"/>
      <c r="E7" s="743"/>
      <c r="F7" s="743"/>
      <c r="G7" s="743"/>
      <c r="H7" s="743"/>
      <c r="I7" s="743"/>
      <c r="J7" s="743"/>
      <c r="K7" s="743"/>
      <c r="L7" s="743"/>
      <c r="M7" s="743"/>
      <c r="N7" s="743"/>
      <c r="O7" s="743"/>
      <c r="P7" s="743"/>
      <c r="Q7" s="743"/>
      <c r="R7" s="743"/>
      <c r="S7" s="743"/>
      <c r="T7" s="743"/>
      <c r="U7" s="743"/>
      <c r="V7" s="743"/>
      <c r="W7" s="743"/>
      <c r="X7" s="743"/>
      <c r="Y7" s="743"/>
      <c r="Z7" s="743"/>
      <c r="AA7" s="743"/>
      <c r="AB7" s="743"/>
      <c r="AC7" s="743"/>
      <c r="AD7" s="743"/>
      <c r="AE7" s="743"/>
      <c r="AF7" s="743"/>
      <c r="AG7" s="743"/>
      <c r="AH7" s="743"/>
      <c r="AI7" s="743"/>
      <c r="AJ7" s="743"/>
      <c r="AK7" s="743"/>
      <c r="AL7" s="743"/>
      <c r="AM7" s="743"/>
      <c r="AN7" s="743"/>
      <c r="AO7" s="743"/>
      <c r="AP7" s="743"/>
      <c r="AQ7" s="743"/>
      <c r="AR7" s="743"/>
      <c r="AS7" s="743"/>
      <c r="AT7" s="743"/>
      <c r="AU7" s="222"/>
      <c r="AV7" s="1"/>
      <c r="AW7" s="1"/>
    </row>
    <row r="8" spans="1:49" ht="13.5" customHeight="1" x14ac:dyDescent="0.2">
      <c r="A8" s="3"/>
      <c r="B8" s="222"/>
      <c r="C8" s="221"/>
      <c r="D8" s="4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2"/>
      <c r="AS8" s="92"/>
      <c r="AT8" s="221"/>
      <c r="AU8" s="222"/>
      <c r="AV8" s="1"/>
      <c r="AW8" s="1"/>
    </row>
    <row r="9" spans="1:49" s="4" customFormat="1" ht="22.5" customHeight="1" thickBot="1" x14ac:dyDescent="0.25">
      <c r="A9" s="3"/>
      <c r="B9" s="222"/>
      <c r="C9" s="221"/>
      <c r="D9" s="42"/>
      <c r="E9" s="99" t="s">
        <v>130</v>
      </c>
      <c r="F9" s="100"/>
      <c r="G9" s="92"/>
      <c r="H9" s="92"/>
      <c r="I9" s="92"/>
      <c r="J9" s="92"/>
      <c r="K9" s="92"/>
      <c r="L9" s="92"/>
      <c r="M9" s="92"/>
      <c r="N9" s="92"/>
      <c r="O9" s="92"/>
      <c r="P9" s="92"/>
      <c r="Q9" s="92"/>
      <c r="R9" s="92"/>
      <c r="S9" s="92"/>
      <c r="T9" s="92"/>
      <c r="U9" s="92"/>
      <c r="V9" s="92"/>
      <c r="W9" s="92"/>
      <c r="X9" s="92"/>
      <c r="Y9" s="92"/>
      <c r="Z9" s="92"/>
      <c r="AA9" s="92"/>
      <c r="AB9" s="92"/>
      <c r="AC9" s="92"/>
      <c r="AD9" s="92"/>
      <c r="AE9" s="92"/>
      <c r="AF9" s="92"/>
      <c r="AG9" s="92"/>
      <c r="AH9" s="92"/>
      <c r="AI9" s="92"/>
      <c r="AJ9" s="92"/>
      <c r="AK9" s="92"/>
      <c r="AL9" s="92"/>
      <c r="AM9" s="92"/>
      <c r="AN9" s="92"/>
      <c r="AO9" s="92"/>
      <c r="AP9" s="92"/>
      <c r="AQ9" s="92"/>
      <c r="AR9" s="92"/>
      <c r="AS9" s="92"/>
      <c r="AT9" s="221"/>
      <c r="AU9" s="222"/>
      <c r="AV9" s="3"/>
      <c r="AW9" s="36"/>
    </row>
    <row r="10" spans="1:49" ht="22.5" customHeight="1" x14ac:dyDescent="0.2">
      <c r="A10" s="1"/>
      <c r="B10" s="222"/>
      <c r="C10" s="221"/>
      <c r="D10" s="702" t="s">
        <v>94</v>
      </c>
      <c r="E10" s="104" t="s">
        <v>4</v>
      </c>
      <c r="F10" s="104"/>
      <c r="G10" s="104"/>
      <c r="H10" s="104"/>
      <c r="I10" s="228"/>
      <c r="J10" s="228"/>
      <c r="K10" s="228"/>
      <c r="L10" s="228"/>
      <c r="M10" s="228"/>
      <c r="N10" s="228"/>
      <c r="O10" s="228"/>
      <c r="P10" s="228"/>
      <c r="Q10" s="229"/>
      <c r="R10" s="105" t="s">
        <v>2</v>
      </c>
      <c r="S10" s="104"/>
      <c r="T10" s="104"/>
      <c r="U10" s="104"/>
      <c r="V10" s="228"/>
      <c r="W10" s="228"/>
      <c r="X10" s="228"/>
      <c r="Y10" s="228"/>
      <c r="Z10" s="228"/>
      <c r="AA10" s="228"/>
      <c r="AB10" s="228"/>
      <c r="AC10" s="228"/>
      <c r="AD10" s="228"/>
      <c r="AE10" s="229"/>
      <c r="AF10" s="105" t="s">
        <v>6</v>
      </c>
      <c r="AG10" s="104"/>
      <c r="AH10" s="104"/>
      <c r="AI10" s="104"/>
      <c r="AJ10" s="228"/>
      <c r="AK10" s="228"/>
      <c r="AL10" s="228"/>
      <c r="AM10" s="228"/>
      <c r="AN10" s="228"/>
      <c r="AO10" s="228"/>
      <c r="AP10" s="228"/>
      <c r="AQ10" s="228"/>
      <c r="AR10" s="228"/>
      <c r="AS10" s="230"/>
      <c r="AT10" s="221"/>
      <c r="AU10" s="222"/>
      <c r="AV10" s="1"/>
      <c r="AW10" s="1"/>
    </row>
    <row r="11" spans="1:49" ht="22.5" customHeight="1" x14ac:dyDescent="0.2">
      <c r="A11" s="1"/>
      <c r="B11" s="222"/>
      <c r="C11" s="221"/>
      <c r="D11" s="703"/>
      <c r="E11" s="212" t="s">
        <v>61</v>
      </c>
      <c r="F11" s="106"/>
      <c r="G11" s="106"/>
      <c r="H11" s="106"/>
      <c r="I11" s="106"/>
      <c r="J11" s="106"/>
      <c r="K11" s="106"/>
      <c r="L11" s="231"/>
      <c r="M11" s="231"/>
      <c r="N11" s="231"/>
      <c r="O11" s="231"/>
      <c r="P11" s="231"/>
      <c r="Q11" s="231"/>
      <c r="R11" s="231"/>
      <c r="S11" s="231"/>
      <c r="T11" s="231"/>
      <c r="U11" s="231"/>
      <c r="V11" s="231"/>
      <c r="W11" s="231"/>
      <c r="X11" s="231"/>
      <c r="Y11" s="231"/>
      <c r="Z11" s="231"/>
      <c r="AA11" s="231"/>
      <c r="AB11" s="231"/>
      <c r="AC11" s="231"/>
      <c r="AD11" s="231"/>
      <c r="AE11" s="232"/>
      <c r="AF11" s="107" t="s">
        <v>1</v>
      </c>
      <c r="AG11" s="106"/>
      <c r="AH11" s="106"/>
      <c r="AI11" s="106"/>
      <c r="AJ11" s="233"/>
      <c r="AK11" s="233"/>
      <c r="AL11" s="233"/>
      <c r="AM11" s="233"/>
      <c r="AN11" s="233"/>
      <c r="AO11" s="233"/>
      <c r="AP11" s="233"/>
      <c r="AQ11" s="233"/>
      <c r="AR11" s="233"/>
      <c r="AS11" s="234"/>
      <c r="AT11" s="221"/>
      <c r="AU11" s="222"/>
      <c r="AV11" s="1"/>
      <c r="AW11" s="1"/>
    </row>
    <row r="12" spans="1:49" ht="22.5" customHeight="1" x14ac:dyDescent="0.2">
      <c r="A12" s="1"/>
      <c r="B12" s="222"/>
      <c r="C12" s="221"/>
      <c r="D12" s="835"/>
      <c r="E12" s="204" t="s">
        <v>113</v>
      </c>
      <c r="F12" s="92"/>
      <c r="G12" s="92"/>
      <c r="H12" s="92"/>
      <c r="I12" s="92"/>
      <c r="J12" s="92"/>
      <c r="K12" s="92"/>
      <c r="L12" s="92"/>
      <c r="M12" s="92"/>
      <c r="N12" s="92"/>
      <c r="O12" s="92"/>
      <c r="P12" s="92"/>
      <c r="Q12" s="92"/>
      <c r="R12" s="92"/>
      <c r="S12" s="92"/>
      <c r="T12" s="92"/>
      <c r="U12" s="92"/>
      <c r="V12" s="92"/>
      <c r="W12" s="92"/>
      <c r="X12" s="92"/>
      <c r="Y12" s="92"/>
      <c r="Z12" s="92"/>
      <c r="AA12" s="92"/>
      <c r="AB12" s="92"/>
      <c r="AC12" s="92"/>
      <c r="AD12" s="92"/>
      <c r="AE12" s="92"/>
      <c r="AF12" s="92"/>
      <c r="AG12" s="92"/>
      <c r="AH12" s="92"/>
      <c r="AI12" s="92"/>
      <c r="AJ12" s="92"/>
      <c r="AK12" s="92"/>
      <c r="AL12" s="92"/>
      <c r="AM12" s="92"/>
      <c r="AN12" s="92"/>
      <c r="AO12" s="92"/>
      <c r="AP12" s="92"/>
      <c r="AQ12" s="92"/>
      <c r="AR12" s="92"/>
      <c r="AS12" s="120"/>
      <c r="AT12" s="221"/>
      <c r="AU12" s="222"/>
      <c r="AV12" s="1"/>
      <c r="AW12" s="1"/>
    </row>
    <row r="13" spans="1:49" ht="22.5" customHeight="1" x14ac:dyDescent="0.2">
      <c r="A13" s="1"/>
      <c r="B13" s="222"/>
      <c r="C13" s="221"/>
      <c r="D13" s="835"/>
      <c r="E13" s="111"/>
      <c r="F13" s="235"/>
      <c r="G13" s="235"/>
      <c r="H13" s="235"/>
      <c r="I13" s="235"/>
      <c r="J13" s="235"/>
      <c r="K13" s="235"/>
      <c r="L13" s="235"/>
      <c r="M13" s="235"/>
      <c r="N13" s="235"/>
      <c r="O13" s="235"/>
      <c r="P13" s="235"/>
      <c r="Q13" s="235"/>
      <c r="R13" s="235"/>
      <c r="S13" s="235"/>
      <c r="T13" s="235"/>
      <c r="U13" s="235"/>
      <c r="V13" s="235"/>
      <c r="W13" s="235"/>
      <c r="X13" s="235"/>
      <c r="Y13" s="235"/>
      <c r="Z13" s="235"/>
      <c r="AA13" s="235"/>
      <c r="AB13" s="235"/>
      <c r="AC13" s="235"/>
      <c r="AD13" s="235"/>
      <c r="AE13" s="235"/>
      <c r="AF13" s="235"/>
      <c r="AG13" s="235"/>
      <c r="AH13" s="235"/>
      <c r="AI13" s="235"/>
      <c r="AJ13" s="235"/>
      <c r="AK13" s="235"/>
      <c r="AL13" s="235"/>
      <c r="AM13" s="235"/>
      <c r="AN13" s="235"/>
      <c r="AO13" s="235"/>
      <c r="AP13" s="235"/>
      <c r="AQ13" s="235"/>
      <c r="AR13" s="235"/>
      <c r="AS13" s="236"/>
      <c r="AT13" s="221"/>
      <c r="AU13" s="222"/>
      <c r="AV13" s="1"/>
      <c r="AW13" s="1"/>
    </row>
    <row r="14" spans="1:49" ht="22.5" customHeight="1" x14ac:dyDescent="0.2">
      <c r="A14" s="1"/>
      <c r="B14" s="222"/>
      <c r="C14" s="221"/>
      <c r="D14" s="835"/>
      <c r="E14" s="203" t="s">
        <v>3</v>
      </c>
      <c r="F14" s="114"/>
      <c r="G14" s="114"/>
      <c r="H14" s="114"/>
      <c r="I14" s="237"/>
      <c r="J14" s="237"/>
      <c r="K14" s="237"/>
      <c r="L14" s="237"/>
      <c r="M14" s="237"/>
      <c r="N14" s="237"/>
      <c r="O14" s="237"/>
      <c r="P14" s="237"/>
      <c r="Q14" s="237"/>
      <c r="R14" s="237"/>
      <c r="S14" s="237"/>
      <c r="T14" s="237"/>
      <c r="U14" s="237"/>
      <c r="V14" s="237"/>
      <c r="W14" s="237"/>
      <c r="X14" s="237"/>
      <c r="Y14" s="237"/>
      <c r="Z14" s="237"/>
      <c r="AA14" s="237"/>
      <c r="AB14" s="237"/>
      <c r="AC14" s="237"/>
      <c r="AD14" s="237"/>
      <c r="AE14" s="238"/>
      <c r="AF14" s="117" t="s">
        <v>62</v>
      </c>
      <c r="AG14" s="114"/>
      <c r="AH14" s="114"/>
      <c r="AI14" s="114"/>
      <c r="AJ14" s="114"/>
      <c r="AK14" s="114"/>
      <c r="AL14" s="114"/>
      <c r="AM14" s="114"/>
      <c r="AN14" s="114"/>
      <c r="AO14" s="114"/>
      <c r="AP14" s="114"/>
      <c r="AQ14" s="114"/>
      <c r="AR14" s="114"/>
      <c r="AS14" s="118"/>
      <c r="AT14" s="221"/>
      <c r="AU14" s="222"/>
      <c r="AV14" s="1"/>
      <c r="AW14" s="1"/>
    </row>
    <row r="15" spans="1:49" ht="22.5" customHeight="1" x14ac:dyDescent="0.2">
      <c r="B15" s="222"/>
      <c r="C15" s="221"/>
      <c r="D15" s="835"/>
      <c r="E15" s="204" t="s">
        <v>114</v>
      </c>
      <c r="F15" s="92"/>
      <c r="G15" s="92"/>
      <c r="H15" s="92"/>
      <c r="I15" s="92"/>
      <c r="J15" s="92"/>
      <c r="K15" s="92"/>
      <c r="L15" s="92"/>
      <c r="M15" s="92"/>
      <c r="N15" s="92"/>
      <c r="O15" s="92"/>
      <c r="P15" s="92"/>
      <c r="Q15" s="92"/>
      <c r="R15" s="92"/>
      <c r="S15" s="92"/>
      <c r="T15" s="92"/>
      <c r="U15" s="92"/>
      <c r="V15" s="92"/>
      <c r="W15" s="92"/>
      <c r="X15" s="92"/>
      <c r="Y15" s="92"/>
      <c r="Z15" s="92"/>
      <c r="AA15" s="92"/>
      <c r="AB15" s="92"/>
      <c r="AC15" s="92"/>
      <c r="AD15" s="92"/>
      <c r="AE15" s="92"/>
      <c r="AF15" s="119"/>
      <c r="AG15" s="92"/>
      <c r="AH15" s="92"/>
      <c r="AI15" s="92"/>
      <c r="AJ15" s="92"/>
      <c r="AK15" s="92"/>
      <c r="AL15" s="92"/>
      <c r="AM15" s="92"/>
      <c r="AN15" s="92"/>
      <c r="AO15" s="92"/>
      <c r="AP15" s="92"/>
      <c r="AQ15" s="92"/>
      <c r="AR15" s="92"/>
      <c r="AS15" s="120"/>
      <c r="AT15" s="221"/>
      <c r="AU15" s="222"/>
    </row>
    <row r="16" spans="1:49" ht="22.5" customHeight="1" thickBot="1" x14ac:dyDescent="0.25">
      <c r="B16" s="222"/>
      <c r="C16" s="221"/>
      <c r="D16" s="847"/>
      <c r="E16" s="205"/>
      <c r="F16" s="206"/>
      <c r="G16" s="206"/>
      <c r="H16" s="206"/>
      <c r="I16" s="206"/>
      <c r="J16" s="206"/>
      <c r="K16" s="206"/>
      <c r="L16" s="206"/>
      <c r="M16" s="206"/>
      <c r="N16" s="206"/>
      <c r="O16" s="206"/>
      <c r="P16" s="206"/>
      <c r="Q16" s="206"/>
      <c r="R16" s="206"/>
      <c r="S16" s="206"/>
      <c r="T16" s="206"/>
      <c r="U16" s="206"/>
      <c r="V16" s="206"/>
      <c r="W16" s="206"/>
      <c r="X16" s="206"/>
      <c r="Y16" s="206"/>
      <c r="Z16" s="206"/>
      <c r="AA16" s="206"/>
      <c r="AB16" s="206"/>
      <c r="AC16" s="206"/>
      <c r="AD16" s="206"/>
      <c r="AE16" s="207"/>
      <c r="AF16" s="208"/>
      <c r="AG16" s="744" t="s">
        <v>63</v>
      </c>
      <c r="AH16" s="744"/>
      <c r="AI16" s="744"/>
      <c r="AJ16" s="744"/>
      <c r="AK16" s="744"/>
      <c r="AL16" s="744"/>
      <c r="AM16" s="744"/>
      <c r="AN16" s="744"/>
      <c r="AO16" s="744"/>
      <c r="AP16" s="744"/>
      <c r="AQ16" s="744"/>
      <c r="AR16" s="744"/>
      <c r="AS16" s="745"/>
      <c r="AT16" s="221"/>
      <c r="AU16" s="222"/>
    </row>
    <row r="17" spans="2:52" ht="22.5" customHeight="1" x14ac:dyDescent="0.2">
      <c r="B17" s="222"/>
      <c r="C17" s="221"/>
      <c r="D17" s="702" t="s">
        <v>12</v>
      </c>
      <c r="E17" s="159" t="s">
        <v>4</v>
      </c>
      <c r="F17" s="160"/>
      <c r="G17" s="160"/>
      <c r="H17" s="160"/>
      <c r="I17" s="161"/>
      <c r="J17" s="161"/>
      <c r="K17" s="161"/>
      <c r="L17" s="161"/>
      <c r="M17" s="161"/>
      <c r="N17" s="161"/>
      <c r="O17" s="161"/>
      <c r="P17" s="161"/>
      <c r="Q17" s="162"/>
      <c r="R17" s="163" t="s">
        <v>2</v>
      </c>
      <c r="S17" s="160"/>
      <c r="T17" s="160"/>
      <c r="U17" s="160"/>
      <c r="V17" s="161"/>
      <c r="W17" s="161"/>
      <c r="X17" s="161"/>
      <c r="Y17" s="161"/>
      <c r="Z17" s="161"/>
      <c r="AA17" s="161"/>
      <c r="AB17" s="161"/>
      <c r="AC17" s="161"/>
      <c r="AD17" s="161"/>
      <c r="AE17" s="162"/>
      <c r="AF17" s="163" t="s">
        <v>6</v>
      </c>
      <c r="AG17" s="160"/>
      <c r="AH17" s="160"/>
      <c r="AI17" s="160"/>
      <c r="AJ17" s="161"/>
      <c r="AK17" s="161"/>
      <c r="AL17" s="161"/>
      <c r="AM17" s="161"/>
      <c r="AN17" s="161"/>
      <c r="AO17" s="161"/>
      <c r="AP17" s="161"/>
      <c r="AQ17" s="161"/>
      <c r="AR17" s="161"/>
      <c r="AS17" s="164"/>
      <c r="AT17" s="221"/>
      <c r="AU17" s="222"/>
    </row>
    <row r="18" spans="2:52" ht="22.5" customHeight="1" x14ac:dyDescent="0.2">
      <c r="B18" s="222"/>
      <c r="C18" s="221"/>
      <c r="D18" s="703"/>
      <c r="E18" s="39" t="s">
        <v>61</v>
      </c>
      <c r="F18" s="65"/>
      <c r="G18" s="65"/>
      <c r="H18" s="65"/>
      <c r="I18" s="65"/>
      <c r="J18" s="65"/>
      <c r="K18" s="65"/>
      <c r="L18" s="173"/>
      <c r="M18" s="173"/>
      <c r="N18" s="173"/>
      <c r="O18" s="173"/>
      <c r="P18" s="173"/>
      <c r="Q18" s="173"/>
      <c r="R18" s="173"/>
      <c r="S18" s="173"/>
      <c r="T18" s="173"/>
      <c r="U18" s="173"/>
      <c r="V18" s="173"/>
      <c r="W18" s="173"/>
      <c r="X18" s="173"/>
      <c r="Y18" s="173"/>
      <c r="Z18" s="173"/>
      <c r="AA18" s="173"/>
      <c r="AB18" s="173"/>
      <c r="AC18" s="173"/>
      <c r="AD18" s="173"/>
      <c r="AE18" s="173"/>
      <c r="AF18" s="173"/>
      <c r="AG18" s="173"/>
      <c r="AH18" s="173"/>
      <c r="AI18" s="173"/>
      <c r="AJ18" s="173"/>
      <c r="AK18" s="173"/>
      <c r="AL18" s="173"/>
      <c r="AM18" s="173"/>
      <c r="AN18" s="173"/>
      <c r="AO18" s="173"/>
      <c r="AP18" s="173"/>
      <c r="AQ18" s="173"/>
      <c r="AR18" s="173"/>
      <c r="AS18" s="174"/>
      <c r="AT18" s="221"/>
      <c r="AU18" s="222"/>
    </row>
    <row r="19" spans="2:52" ht="22.5" customHeight="1" x14ac:dyDescent="0.2">
      <c r="B19" s="222"/>
      <c r="C19" s="221"/>
      <c r="D19" s="703"/>
      <c r="E19" s="40" t="s">
        <v>68</v>
      </c>
      <c r="F19" s="88"/>
      <c r="G19" s="88"/>
      <c r="H19" s="88"/>
      <c r="I19" s="88"/>
      <c r="J19" s="88"/>
      <c r="K19" s="88"/>
      <c r="L19" s="88"/>
      <c r="M19" s="88"/>
      <c r="N19" s="88"/>
      <c r="O19" s="88"/>
      <c r="P19" s="88"/>
      <c r="Q19" s="88"/>
      <c r="R19" s="88"/>
      <c r="S19" s="88"/>
      <c r="T19" s="88"/>
      <c r="U19" s="88"/>
      <c r="V19" s="88"/>
      <c r="W19" s="88"/>
      <c r="X19" s="88"/>
      <c r="Y19" s="88"/>
      <c r="Z19" s="88"/>
      <c r="AA19" s="88"/>
      <c r="AB19" s="88"/>
      <c r="AC19" s="88"/>
      <c r="AD19" s="88"/>
      <c r="AE19" s="88"/>
      <c r="AF19" s="88"/>
      <c r="AG19" s="88"/>
      <c r="AH19" s="88"/>
      <c r="AI19" s="88"/>
      <c r="AJ19" s="88"/>
      <c r="AK19" s="88"/>
      <c r="AL19" s="88"/>
      <c r="AM19" s="88"/>
      <c r="AN19" s="88"/>
      <c r="AO19" s="88"/>
      <c r="AP19" s="88"/>
      <c r="AQ19" s="88"/>
      <c r="AR19" s="88"/>
      <c r="AS19" s="89"/>
      <c r="AT19" s="221"/>
      <c r="AU19" s="222"/>
    </row>
    <row r="20" spans="2:52" ht="22.5" customHeight="1" x14ac:dyDescent="0.2">
      <c r="B20" s="222"/>
      <c r="C20" s="221"/>
      <c r="D20" s="703"/>
      <c r="E20" s="51"/>
      <c r="F20" s="175"/>
      <c r="G20" s="175"/>
      <c r="H20" s="175"/>
      <c r="I20" s="175"/>
      <c r="J20" s="175"/>
      <c r="K20" s="175"/>
      <c r="L20" s="175"/>
      <c r="M20" s="175"/>
      <c r="N20" s="175"/>
      <c r="O20" s="175"/>
      <c r="P20" s="175"/>
      <c r="Q20" s="175"/>
      <c r="R20" s="175"/>
      <c r="S20" s="175"/>
      <c r="T20" s="175"/>
      <c r="U20" s="175"/>
      <c r="V20" s="175"/>
      <c r="W20" s="175"/>
      <c r="X20" s="175"/>
      <c r="Y20" s="175"/>
      <c r="Z20" s="175"/>
      <c r="AA20" s="175"/>
      <c r="AB20" s="175"/>
      <c r="AC20" s="175"/>
      <c r="AD20" s="175"/>
      <c r="AE20" s="175"/>
      <c r="AF20" s="175"/>
      <c r="AG20" s="175"/>
      <c r="AH20" s="175"/>
      <c r="AI20" s="175"/>
      <c r="AJ20" s="175"/>
      <c r="AK20" s="175"/>
      <c r="AL20" s="175"/>
      <c r="AM20" s="175"/>
      <c r="AN20" s="175"/>
      <c r="AO20" s="175"/>
      <c r="AP20" s="175"/>
      <c r="AQ20" s="175"/>
      <c r="AR20" s="175"/>
      <c r="AS20" s="176"/>
      <c r="AT20" s="221"/>
      <c r="AU20" s="222"/>
    </row>
    <row r="21" spans="2:52" ht="22.5" customHeight="1" x14ac:dyDescent="0.2">
      <c r="B21" s="222"/>
      <c r="C21" s="221"/>
      <c r="D21" s="835"/>
      <c r="E21" s="209" t="s">
        <v>3</v>
      </c>
      <c r="F21" s="71"/>
      <c r="G21" s="71"/>
      <c r="H21" s="71"/>
      <c r="I21" s="224"/>
      <c r="J21" s="224"/>
      <c r="K21" s="224"/>
      <c r="L21" s="224"/>
      <c r="M21" s="224"/>
      <c r="N21" s="224"/>
      <c r="O21" s="224"/>
      <c r="P21" s="224"/>
      <c r="Q21" s="224"/>
      <c r="R21" s="224"/>
      <c r="S21" s="224"/>
      <c r="T21" s="224"/>
      <c r="U21" s="224"/>
      <c r="V21" s="224"/>
      <c r="W21" s="224"/>
      <c r="X21" s="224"/>
      <c r="Y21" s="224"/>
      <c r="Z21" s="224"/>
      <c r="AA21" s="224"/>
      <c r="AB21" s="224"/>
      <c r="AC21" s="224"/>
      <c r="AD21" s="224"/>
      <c r="AE21" s="224"/>
      <c r="AF21" s="224"/>
      <c r="AG21" s="224"/>
      <c r="AH21" s="224"/>
      <c r="AI21" s="224"/>
      <c r="AJ21" s="224"/>
      <c r="AK21" s="224"/>
      <c r="AL21" s="224"/>
      <c r="AM21" s="224"/>
      <c r="AN21" s="224"/>
      <c r="AO21" s="224"/>
      <c r="AP21" s="224"/>
      <c r="AQ21" s="224"/>
      <c r="AR21" s="224"/>
      <c r="AS21" s="210"/>
      <c r="AT21" s="221"/>
      <c r="AU21" s="222"/>
    </row>
    <row r="22" spans="2:52" ht="22.5" customHeight="1" x14ac:dyDescent="0.2">
      <c r="B22" s="222"/>
      <c r="C22" s="221"/>
      <c r="D22" s="835"/>
      <c r="E22" s="202" t="s">
        <v>115</v>
      </c>
      <c r="F22" s="92"/>
      <c r="G22" s="92"/>
      <c r="H22" s="92"/>
      <c r="I22" s="92"/>
      <c r="J22" s="92"/>
      <c r="K22" s="92"/>
      <c r="L22" s="92"/>
      <c r="M22" s="92"/>
      <c r="N22" s="92"/>
      <c r="O22" s="92"/>
      <c r="P22" s="92"/>
      <c r="Q22" s="61"/>
      <c r="R22" s="61"/>
      <c r="S22" s="61"/>
      <c r="T22" s="61"/>
      <c r="U22" s="61"/>
      <c r="V22" s="61"/>
      <c r="W22" s="61"/>
      <c r="X22" s="61"/>
      <c r="Y22" s="61"/>
      <c r="Z22" s="61"/>
      <c r="AA22" s="61"/>
      <c r="AB22" s="61"/>
      <c r="AC22" s="61"/>
      <c r="AD22" s="61"/>
      <c r="AE22" s="61"/>
      <c r="AF22" s="123"/>
      <c r="AG22" s="61"/>
      <c r="AH22" s="61"/>
      <c r="AI22" s="61"/>
      <c r="AJ22" s="61"/>
      <c r="AK22" s="61"/>
      <c r="AL22" s="61"/>
      <c r="AM22" s="61"/>
      <c r="AN22" s="61"/>
      <c r="AO22" s="61"/>
      <c r="AP22" s="61"/>
      <c r="AQ22" s="61"/>
      <c r="AR22" s="61"/>
      <c r="AS22" s="68"/>
      <c r="AT22" s="221"/>
      <c r="AU22" s="222"/>
    </row>
    <row r="23" spans="2:52" ht="22.5" customHeight="1" thickBot="1" x14ac:dyDescent="0.25">
      <c r="B23" s="222"/>
      <c r="C23" s="221"/>
      <c r="D23" s="835"/>
      <c r="E23" s="247"/>
      <c r="F23" s="241"/>
      <c r="G23" s="241"/>
      <c r="H23" s="241"/>
      <c r="I23" s="241"/>
      <c r="J23" s="241"/>
      <c r="K23" s="241"/>
      <c r="L23" s="241"/>
      <c r="M23" s="241"/>
      <c r="N23" s="241"/>
      <c r="O23" s="241"/>
      <c r="P23" s="241"/>
      <c r="Q23" s="241"/>
      <c r="R23" s="241"/>
      <c r="S23" s="241"/>
      <c r="T23" s="241"/>
      <c r="U23" s="241"/>
      <c r="V23" s="241"/>
      <c r="W23" s="241"/>
      <c r="X23" s="241"/>
      <c r="Y23" s="241"/>
      <c r="Z23" s="241"/>
      <c r="AA23" s="241"/>
      <c r="AB23" s="241"/>
      <c r="AC23" s="241"/>
      <c r="AD23" s="241"/>
      <c r="AE23" s="241"/>
      <c r="AF23" s="241"/>
      <c r="AG23" s="241"/>
      <c r="AH23" s="241"/>
      <c r="AI23" s="241"/>
      <c r="AJ23" s="241"/>
      <c r="AK23" s="241"/>
      <c r="AL23" s="241"/>
      <c r="AM23" s="241"/>
      <c r="AN23" s="241"/>
      <c r="AO23" s="241"/>
      <c r="AP23" s="241"/>
      <c r="AQ23" s="241"/>
      <c r="AR23" s="241"/>
      <c r="AS23" s="248"/>
      <c r="AT23" s="221"/>
      <c r="AU23" s="222"/>
    </row>
    <row r="24" spans="2:52" ht="22.5" customHeight="1" thickTop="1" x14ac:dyDescent="0.2">
      <c r="B24" s="222"/>
      <c r="C24" s="221"/>
      <c r="D24" s="835"/>
      <c r="E24" s="254" t="s">
        <v>3</v>
      </c>
      <c r="F24" s="242"/>
      <c r="G24" s="242"/>
      <c r="H24" s="242"/>
      <c r="I24" s="240"/>
      <c r="J24" s="240"/>
      <c r="K24" s="240"/>
      <c r="L24" s="240"/>
      <c r="M24" s="240"/>
      <c r="N24" s="240"/>
      <c r="O24" s="240"/>
      <c r="P24" s="240"/>
      <c r="Q24" s="240"/>
      <c r="R24" s="240"/>
      <c r="S24" s="240"/>
      <c r="T24" s="240"/>
      <c r="U24" s="240"/>
      <c r="V24" s="240"/>
      <c r="W24" s="240"/>
      <c r="X24" s="240"/>
      <c r="Y24" s="240"/>
      <c r="Z24" s="243"/>
      <c r="AA24" s="244" t="s">
        <v>187</v>
      </c>
      <c r="AB24" s="245"/>
      <c r="AC24" s="245"/>
      <c r="AD24" s="245"/>
      <c r="AE24" s="246"/>
      <c r="AF24" s="746" t="s">
        <v>228</v>
      </c>
      <c r="AG24" s="747"/>
      <c r="AH24" s="747"/>
      <c r="AI24" s="747"/>
      <c r="AJ24" s="747"/>
      <c r="AK24" s="747"/>
      <c r="AL24" s="747"/>
      <c r="AM24" s="747"/>
      <c r="AN24" s="747"/>
      <c r="AO24" s="747"/>
      <c r="AP24" s="747"/>
      <c r="AQ24" s="747"/>
      <c r="AR24" s="747"/>
      <c r="AS24" s="748"/>
      <c r="AT24" s="221"/>
      <c r="AU24" s="222"/>
    </row>
    <row r="25" spans="2:52" ht="22.5" customHeight="1" x14ac:dyDescent="0.2">
      <c r="B25" s="222"/>
      <c r="C25" s="221"/>
      <c r="D25" s="835"/>
      <c r="E25" s="256" t="s">
        <v>186</v>
      </c>
      <c r="F25" s="61"/>
      <c r="G25" s="61"/>
      <c r="H25" s="61"/>
      <c r="I25" s="61"/>
      <c r="J25" s="61"/>
      <c r="K25" s="61"/>
      <c r="L25" s="61"/>
      <c r="M25" s="749" t="s">
        <v>100</v>
      </c>
      <c r="N25" s="749"/>
      <c r="O25" s="749"/>
      <c r="P25" s="749"/>
      <c r="Q25" s="749"/>
      <c r="R25" s="749"/>
      <c r="S25" s="749"/>
      <c r="T25" s="749"/>
      <c r="U25" s="749"/>
      <c r="V25" s="749"/>
      <c r="W25" s="749"/>
      <c r="X25" s="749"/>
      <c r="Y25" s="749"/>
      <c r="Z25" s="750"/>
      <c r="AA25" s="148" t="s">
        <v>189</v>
      </c>
      <c r="AB25" s="183"/>
      <c r="AC25" s="183"/>
      <c r="AD25" s="183"/>
      <c r="AE25" s="184"/>
      <c r="AF25" s="125" t="s">
        <v>69</v>
      </c>
      <c r="AG25" s="61"/>
      <c r="AH25" s="61"/>
      <c r="AI25" s="61"/>
      <c r="AJ25" s="61"/>
      <c r="AK25" s="61"/>
      <c r="AL25" s="61"/>
      <c r="AM25" s="61"/>
      <c r="AN25" s="61"/>
      <c r="AO25" s="61"/>
      <c r="AP25" s="61"/>
      <c r="AQ25" s="61"/>
      <c r="AR25" s="61"/>
      <c r="AS25" s="253"/>
      <c r="AT25" s="221"/>
      <c r="AU25" s="222"/>
    </row>
    <row r="26" spans="2:52" ht="22.5" customHeight="1" x14ac:dyDescent="0.2">
      <c r="B26" s="222"/>
      <c r="C26" s="221"/>
      <c r="D26" s="835"/>
      <c r="E26" s="257"/>
      <c r="F26" s="175"/>
      <c r="G26" s="175"/>
      <c r="H26" s="175"/>
      <c r="I26" s="175"/>
      <c r="J26" s="175"/>
      <c r="K26" s="175"/>
      <c r="L26" s="175"/>
      <c r="M26" s="175"/>
      <c r="N26" s="175"/>
      <c r="O26" s="175"/>
      <c r="P26" s="175"/>
      <c r="Q26" s="175"/>
      <c r="R26" s="175"/>
      <c r="S26" s="175"/>
      <c r="T26" s="175"/>
      <c r="U26" s="175"/>
      <c r="V26" s="175"/>
      <c r="W26" s="175"/>
      <c r="X26" s="175"/>
      <c r="Y26" s="175"/>
      <c r="Z26" s="188"/>
      <c r="AA26" s="185"/>
      <c r="AB26" s="186"/>
      <c r="AC26" s="186"/>
      <c r="AD26" s="186"/>
      <c r="AE26" s="187"/>
      <c r="AF26" s="751" t="s">
        <v>70</v>
      </c>
      <c r="AG26" s="752"/>
      <c r="AH26" s="752"/>
      <c r="AI26" s="752"/>
      <c r="AJ26" s="752"/>
      <c r="AK26" s="752"/>
      <c r="AL26" s="752"/>
      <c r="AM26" s="752"/>
      <c r="AN26" s="752"/>
      <c r="AO26" s="752"/>
      <c r="AP26" s="752"/>
      <c r="AQ26" s="752"/>
      <c r="AR26" s="752"/>
      <c r="AS26" s="860"/>
      <c r="AT26" s="221"/>
      <c r="AU26" s="222"/>
    </row>
    <row r="27" spans="2:52" ht="22.5" customHeight="1" x14ac:dyDescent="0.2">
      <c r="B27" s="222"/>
      <c r="C27" s="221"/>
      <c r="D27" s="835"/>
      <c r="E27" s="258" t="s">
        <v>188</v>
      </c>
      <c r="F27" s="66"/>
      <c r="G27" s="66"/>
      <c r="H27" s="66"/>
      <c r="I27" s="66"/>
      <c r="J27" s="66"/>
      <c r="K27" s="66"/>
      <c r="L27" s="66"/>
      <c r="M27" s="66"/>
      <c r="N27" s="66"/>
      <c r="O27" s="66"/>
      <c r="P27" s="66"/>
      <c r="Q27" s="66"/>
      <c r="R27" s="66"/>
      <c r="S27" s="66"/>
      <c r="T27" s="66"/>
      <c r="U27" s="66"/>
      <c r="V27" s="66"/>
      <c r="W27" s="66"/>
      <c r="X27" s="66"/>
      <c r="Y27" s="66"/>
      <c r="Z27" s="126"/>
      <c r="AA27" s="150" t="s">
        <v>71</v>
      </c>
      <c r="AB27" s="192"/>
      <c r="AC27" s="192"/>
      <c r="AD27" s="192"/>
      <c r="AE27" s="193"/>
      <c r="AF27" s="194"/>
      <c r="AG27" s="195"/>
      <c r="AH27" s="195"/>
      <c r="AI27" s="195"/>
      <c r="AJ27" s="195"/>
      <c r="AK27" s="195"/>
      <c r="AL27" s="195"/>
      <c r="AM27" s="195"/>
      <c r="AN27" s="195"/>
      <c r="AO27" s="195"/>
      <c r="AP27" s="195"/>
      <c r="AQ27" s="195"/>
      <c r="AR27" s="195"/>
      <c r="AS27" s="249"/>
      <c r="AT27" s="221"/>
      <c r="AU27" s="222"/>
      <c r="AV27" s="1"/>
      <c r="AW27" s="1"/>
      <c r="AX27" s="2"/>
      <c r="AY27" s="2"/>
      <c r="AZ27" s="2"/>
    </row>
    <row r="28" spans="2:52" ht="22.5" customHeight="1" x14ac:dyDescent="0.2">
      <c r="B28" s="222"/>
      <c r="C28" s="221"/>
      <c r="D28" s="835"/>
      <c r="E28" s="259"/>
      <c r="F28" s="175"/>
      <c r="G28" s="175"/>
      <c r="H28" s="175"/>
      <c r="I28" s="175"/>
      <c r="J28" s="175"/>
      <c r="K28" s="175"/>
      <c r="L28" s="175"/>
      <c r="M28" s="175"/>
      <c r="N28" s="175"/>
      <c r="O28" s="175"/>
      <c r="P28" s="175"/>
      <c r="Q28" s="175"/>
      <c r="R28" s="175"/>
      <c r="S28" s="175"/>
      <c r="T28" s="175"/>
      <c r="U28" s="175"/>
      <c r="V28" s="175"/>
      <c r="W28" s="175"/>
      <c r="X28" s="175"/>
      <c r="Y28" s="175"/>
      <c r="Z28" s="188"/>
      <c r="AA28" s="185"/>
      <c r="AB28" s="186"/>
      <c r="AC28" s="186"/>
      <c r="AD28" s="186"/>
      <c r="AE28" s="187"/>
      <c r="AF28" s="189"/>
      <c r="AG28" s="190"/>
      <c r="AH28" s="190"/>
      <c r="AI28" s="190"/>
      <c r="AJ28" s="190"/>
      <c r="AK28" s="190"/>
      <c r="AL28" s="190"/>
      <c r="AM28" s="190"/>
      <c r="AN28" s="190"/>
      <c r="AO28" s="190"/>
      <c r="AP28" s="190"/>
      <c r="AQ28" s="190"/>
      <c r="AR28" s="190"/>
      <c r="AS28" s="250"/>
      <c r="AT28" s="221"/>
      <c r="AU28" s="222"/>
      <c r="AV28" s="1"/>
      <c r="AW28" s="1"/>
      <c r="AX28" s="2"/>
      <c r="AY28" s="2"/>
      <c r="AZ28" s="2"/>
    </row>
    <row r="29" spans="2:52" ht="22.5" customHeight="1" x14ac:dyDescent="0.2">
      <c r="B29" s="222"/>
      <c r="C29" s="221"/>
      <c r="D29" s="835"/>
      <c r="E29" s="260" t="s">
        <v>233</v>
      </c>
      <c r="F29" s="165"/>
      <c r="G29" s="165"/>
      <c r="H29" s="165"/>
      <c r="I29" s="165"/>
      <c r="J29" s="165"/>
      <c r="K29" s="165"/>
      <c r="L29" s="165"/>
      <c r="M29" s="165"/>
      <c r="N29" s="165"/>
      <c r="O29" s="165"/>
      <c r="P29" s="165"/>
      <c r="Q29" s="165"/>
      <c r="R29" s="165"/>
      <c r="S29" s="165"/>
      <c r="T29" s="165"/>
      <c r="U29" s="165"/>
      <c r="V29" s="165"/>
      <c r="W29" s="165"/>
      <c r="X29" s="165"/>
      <c r="Y29" s="165"/>
      <c r="Z29" s="165"/>
      <c r="AA29" s="166" t="s">
        <v>190</v>
      </c>
      <c r="AB29" s="167"/>
      <c r="AC29" s="167"/>
      <c r="AD29" s="167"/>
      <c r="AE29" s="167"/>
      <c r="AF29" s="168"/>
      <c r="AG29" s="165"/>
      <c r="AH29" s="165"/>
      <c r="AI29" s="165"/>
      <c r="AJ29" s="165"/>
      <c r="AK29" s="165"/>
      <c r="AL29" s="165"/>
      <c r="AM29" s="165"/>
      <c r="AN29" s="165"/>
      <c r="AO29" s="165"/>
      <c r="AP29" s="165"/>
      <c r="AQ29" s="165"/>
      <c r="AR29" s="165"/>
      <c r="AS29" s="251"/>
      <c r="AT29" s="221"/>
      <c r="AU29" s="222"/>
      <c r="AV29" s="1"/>
      <c r="AW29" s="1"/>
      <c r="AX29" s="2"/>
      <c r="AY29" s="2"/>
      <c r="AZ29" s="2"/>
    </row>
    <row r="30" spans="2:52" ht="22.5" customHeight="1" x14ac:dyDescent="0.2">
      <c r="B30" s="222"/>
      <c r="C30" s="221"/>
      <c r="D30" s="835"/>
      <c r="E30" s="255"/>
      <c r="F30" s="197"/>
      <c r="G30" s="197"/>
      <c r="H30" s="197"/>
      <c r="I30" s="197"/>
      <c r="J30" s="197"/>
      <c r="K30" s="197"/>
      <c r="L30" s="197"/>
      <c r="M30" s="197"/>
      <c r="N30" s="197"/>
      <c r="O30" s="197"/>
      <c r="P30" s="197"/>
      <c r="Q30" s="197"/>
      <c r="R30" s="197"/>
      <c r="S30" s="197"/>
      <c r="T30" s="197"/>
      <c r="U30" s="197"/>
      <c r="V30" s="197"/>
      <c r="W30" s="197"/>
      <c r="X30" s="197"/>
      <c r="Y30" s="197"/>
      <c r="Z30" s="198"/>
      <c r="AA30" s="60"/>
      <c r="AB30" s="199"/>
      <c r="AC30" s="199"/>
      <c r="AD30" s="199"/>
      <c r="AE30" s="199"/>
      <c r="AF30" s="199"/>
      <c r="AG30" s="199"/>
      <c r="AH30" s="199"/>
      <c r="AI30" s="199"/>
      <c r="AJ30" s="199"/>
      <c r="AK30" s="199"/>
      <c r="AL30" s="199"/>
      <c r="AM30" s="199"/>
      <c r="AN30" s="199"/>
      <c r="AO30" s="199"/>
      <c r="AP30" s="199"/>
      <c r="AQ30" s="199"/>
      <c r="AR30" s="199"/>
      <c r="AS30" s="252"/>
      <c r="AT30" s="221"/>
      <c r="AU30" s="222"/>
      <c r="AV30" s="1"/>
      <c r="AW30" s="1"/>
      <c r="AX30" s="2"/>
      <c r="AY30" s="2"/>
      <c r="AZ30" s="2"/>
    </row>
    <row r="31" spans="2:52" ht="22.5" customHeight="1" x14ac:dyDescent="0.2">
      <c r="B31" s="222"/>
      <c r="C31" s="84"/>
      <c r="D31" s="835"/>
      <c r="E31" s="861" t="s">
        <v>191</v>
      </c>
      <c r="F31" s="755"/>
      <c r="G31" s="755"/>
      <c r="H31" s="755"/>
      <c r="I31" s="755"/>
      <c r="J31" s="755"/>
      <c r="K31" s="755"/>
      <c r="L31" s="755"/>
      <c r="M31" s="862"/>
      <c r="N31" s="211" t="s">
        <v>60</v>
      </c>
      <c r="O31" s="864" t="s">
        <v>96</v>
      </c>
      <c r="P31" s="864"/>
      <c r="Q31" s="864"/>
      <c r="R31" s="864"/>
      <c r="S31" s="864"/>
      <c r="T31" s="864"/>
      <c r="U31" s="864"/>
      <c r="V31" s="864"/>
      <c r="W31" s="864"/>
      <c r="X31" s="864"/>
      <c r="Y31" s="864"/>
      <c r="Z31" s="864"/>
      <c r="AA31" s="864"/>
      <c r="AB31" s="864"/>
      <c r="AC31" s="864"/>
      <c r="AD31" s="864"/>
      <c r="AE31" s="864"/>
      <c r="AF31" s="864"/>
      <c r="AG31" s="864"/>
      <c r="AH31" s="864"/>
      <c r="AI31" s="864"/>
      <c r="AJ31" s="864"/>
      <c r="AK31" s="864"/>
      <c r="AL31" s="864"/>
      <c r="AM31" s="864"/>
      <c r="AN31" s="864"/>
      <c r="AO31" s="864"/>
      <c r="AP31" s="762"/>
      <c r="AQ31" s="762"/>
      <c r="AR31" s="762"/>
      <c r="AS31" s="865"/>
      <c r="AT31" s="2"/>
      <c r="AU31" s="2"/>
      <c r="AV31" s="2"/>
    </row>
    <row r="32" spans="2:52" ht="22.5" customHeight="1" x14ac:dyDescent="0.2">
      <c r="B32" s="222"/>
      <c r="C32" s="84"/>
      <c r="D32" s="835"/>
      <c r="E32" s="863"/>
      <c r="F32" s="710"/>
      <c r="G32" s="710"/>
      <c r="H32" s="710"/>
      <c r="I32" s="710"/>
      <c r="J32" s="710"/>
      <c r="K32" s="710"/>
      <c r="L32" s="710"/>
      <c r="M32" s="711"/>
      <c r="N32" s="766" t="s">
        <v>46</v>
      </c>
      <c r="O32" s="767"/>
      <c r="P32" s="61" t="s">
        <v>81</v>
      </c>
      <c r="Q32" s="61"/>
      <c r="R32" s="42"/>
      <c r="S32" s="42"/>
      <c r="T32" s="42"/>
      <c r="U32" s="42"/>
      <c r="V32" s="42"/>
      <c r="W32" s="220"/>
      <c r="X32" s="43"/>
      <c r="Y32" s="43"/>
      <c r="Z32" s="43"/>
      <c r="AA32" s="43"/>
      <c r="AB32" s="46"/>
      <c r="AC32" s="42"/>
      <c r="AD32" s="42"/>
      <c r="AE32" s="42"/>
      <c r="AF32" s="42"/>
      <c r="AG32" s="42"/>
      <c r="AH32" s="42"/>
      <c r="AI32" s="42"/>
      <c r="AJ32" s="42"/>
      <c r="AK32" s="42"/>
      <c r="AL32" s="42"/>
      <c r="AM32" s="42"/>
      <c r="AN32" s="42"/>
      <c r="AO32" s="42"/>
      <c r="AP32" s="762"/>
      <c r="AQ32" s="762"/>
      <c r="AR32" s="762"/>
      <c r="AS32" s="865"/>
      <c r="AT32" s="2"/>
      <c r="AU32" s="2"/>
      <c r="AV32" s="2"/>
    </row>
    <row r="33" spans="1:52" ht="22.5" customHeight="1" thickBot="1" x14ac:dyDescent="0.25">
      <c r="B33" s="222"/>
      <c r="C33" s="84"/>
      <c r="D33" s="847"/>
      <c r="E33" s="863"/>
      <c r="F33" s="710"/>
      <c r="G33" s="710"/>
      <c r="H33" s="710"/>
      <c r="I33" s="710"/>
      <c r="J33" s="710"/>
      <c r="K33" s="710"/>
      <c r="L33" s="710"/>
      <c r="M33" s="711"/>
      <c r="N33" s="766" t="s">
        <v>51</v>
      </c>
      <c r="O33" s="767"/>
      <c r="P33" s="61" t="s">
        <v>82</v>
      </c>
      <c r="Q33" s="61"/>
      <c r="R33" s="42"/>
      <c r="S33" s="42"/>
      <c r="T33" s="42"/>
      <c r="U33" s="42"/>
      <c r="V33" s="42"/>
      <c r="W33" s="55"/>
      <c r="X33" s="42"/>
      <c r="Y33" s="42"/>
      <c r="Z33" s="42"/>
      <c r="AA33" s="42"/>
      <c r="AB33" s="42"/>
      <c r="AC33" s="42"/>
      <c r="AD33" s="42"/>
      <c r="AE33" s="42"/>
      <c r="AF33" s="42"/>
      <c r="AG33" s="42"/>
      <c r="AH33" s="42"/>
      <c r="AI33" s="42"/>
      <c r="AJ33" s="42"/>
      <c r="AK33" s="42"/>
      <c r="AL33" s="42"/>
      <c r="AM33" s="42"/>
      <c r="AN33" s="42"/>
      <c r="AO33" s="42"/>
      <c r="AP33" s="762"/>
      <c r="AQ33" s="762"/>
      <c r="AR33" s="762"/>
      <c r="AS33" s="865"/>
      <c r="AT33" s="2"/>
      <c r="AU33" s="2"/>
      <c r="AV33" s="2"/>
    </row>
    <row r="34" spans="1:52" ht="54" customHeight="1" thickTop="1" x14ac:dyDescent="0.2">
      <c r="B34" s="222"/>
      <c r="C34" s="84"/>
      <c r="D34" s="834" t="s">
        <v>13</v>
      </c>
      <c r="E34" s="836" t="s">
        <v>192</v>
      </c>
      <c r="F34" s="837"/>
      <c r="G34" s="837"/>
      <c r="H34" s="837"/>
      <c r="I34" s="837"/>
      <c r="J34" s="837"/>
      <c r="K34" s="837"/>
      <c r="L34" s="837"/>
      <c r="M34" s="837"/>
      <c r="N34" s="837"/>
      <c r="O34" s="837"/>
      <c r="P34" s="837"/>
      <c r="Q34" s="837"/>
      <c r="R34" s="837"/>
      <c r="S34" s="837"/>
      <c r="T34" s="837"/>
      <c r="U34" s="837"/>
      <c r="V34" s="837"/>
      <c r="W34" s="837"/>
      <c r="X34" s="837"/>
      <c r="Y34" s="837"/>
      <c r="Z34" s="837"/>
      <c r="AA34" s="837"/>
      <c r="AB34" s="837"/>
      <c r="AC34" s="837"/>
      <c r="AD34" s="837"/>
      <c r="AE34" s="837"/>
      <c r="AF34" s="837"/>
      <c r="AG34" s="837"/>
      <c r="AH34" s="837"/>
      <c r="AI34" s="837"/>
      <c r="AJ34" s="837"/>
      <c r="AK34" s="837"/>
      <c r="AL34" s="837"/>
      <c r="AM34" s="837"/>
      <c r="AN34" s="837"/>
      <c r="AO34" s="838"/>
      <c r="AP34" s="839" t="s">
        <v>51</v>
      </c>
      <c r="AQ34" s="839"/>
      <c r="AR34" s="839"/>
      <c r="AS34" s="840"/>
      <c r="AT34" s="261"/>
      <c r="AU34" s="6"/>
    </row>
    <row r="35" spans="1:52" ht="54" customHeight="1" thickBot="1" x14ac:dyDescent="0.25">
      <c r="B35" s="222"/>
      <c r="C35" s="84"/>
      <c r="D35" s="835"/>
      <c r="E35" s="841" t="s">
        <v>193</v>
      </c>
      <c r="F35" s="842"/>
      <c r="G35" s="842"/>
      <c r="H35" s="842"/>
      <c r="I35" s="842"/>
      <c r="J35" s="842"/>
      <c r="K35" s="842"/>
      <c r="L35" s="842"/>
      <c r="M35" s="842"/>
      <c r="N35" s="842"/>
      <c r="O35" s="842"/>
      <c r="P35" s="842"/>
      <c r="Q35" s="842"/>
      <c r="R35" s="842"/>
      <c r="S35" s="842"/>
      <c r="T35" s="842"/>
      <c r="U35" s="842"/>
      <c r="V35" s="842"/>
      <c r="W35" s="842"/>
      <c r="X35" s="842"/>
      <c r="Y35" s="842"/>
      <c r="Z35" s="842"/>
      <c r="AA35" s="842"/>
      <c r="AB35" s="842"/>
      <c r="AC35" s="842"/>
      <c r="AD35" s="842"/>
      <c r="AE35" s="842"/>
      <c r="AF35" s="842"/>
      <c r="AG35" s="842"/>
      <c r="AH35" s="842"/>
      <c r="AI35" s="842"/>
      <c r="AJ35" s="842"/>
      <c r="AK35" s="842"/>
      <c r="AL35" s="842"/>
      <c r="AM35" s="842"/>
      <c r="AN35" s="842"/>
      <c r="AO35" s="843"/>
      <c r="AP35" s="712" t="s">
        <v>51</v>
      </c>
      <c r="AQ35" s="712"/>
      <c r="AR35" s="712"/>
      <c r="AS35" s="844"/>
      <c r="AT35" s="261"/>
      <c r="AU35" s="6"/>
    </row>
    <row r="36" spans="1:52" s="4" customFormat="1" ht="22.5" customHeight="1" thickTop="1" x14ac:dyDescent="0.2">
      <c r="A36" s="18"/>
      <c r="B36" s="222"/>
      <c r="C36" s="84"/>
      <c r="D36" s="834" t="s">
        <v>31</v>
      </c>
      <c r="E36" s="848" t="s">
        <v>97</v>
      </c>
      <c r="F36" s="849"/>
      <c r="G36" s="849"/>
      <c r="H36" s="849"/>
      <c r="I36" s="849"/>
      <c r="J36" s="849"/>
      <c r="K36" s="849"/>
      <c r="L36" s="849"/>
      <c r="M36" s="849"/>
      <c r="N36" s="849"/>
      <c r="O36" s="849"/>
      <c r="P36" s="849"/>
      <c r="Q36" s="849"/>
      <c r="R36" s="849"/>
      <c r="S36" s="849"/>
      <c r="T36" s="849"/>
      <c r="U36" s="849"/>
      <c r="V36" s="849"/>
      <c r="W36" s="849"/>
      <c r="X36" s="849"/>
      <c r="Y36" s="849"/>
      <c r="Z36" s="849"/>
      <c r="AA36" s="849"/>
      <c r="AB36" s="849"/>
      <c r="AC36" s="849"/>
      <c r="AD36" s="849"/>
      <c r="AE36" s="850"/>
      <c r="AF36" s="849" t="s">
        <v>32</v>
      </c>
      <c r="AG36" s="849"/>
      <c r="AH36" s="849"/>
      <c r="AI36" s="849"/>
      <c r="AJ36" s="849"/>
      <c r="AK36" s="849"/>
      <c r="AL36" s="849"/>
      <c r="AM36" s="849"/>
      <c r="AN36" s="849"/>
      <c r="AO36" s="849"/>
      <c r="AP36" s="849"/>
      <c r="AQ36" s="849"/>
      <c r="AR36" s="849"/>
      <c r="AS36" s="849"/>
      <c r="AT36" s="262"/>
      <c r="AU36" s="6"/>
      <c r="AV36" s="3"/>
      <c r="AW36" s="16"/>
      <c r="AX36" s="17"/>
      <c r="AY36" s="17"/>
      <c r="AZ36" s="17"/>
    </row>
    <row r="37" spans="1:52" s="21" customFormat="1" ht="18" customHeight="1" x14ac:dyDescent="0.2">
      <c r="A37" s="3"/>
      <c r="B37" s="222"/>
      <c r="C37" s="84"/>
      <c r="D37" s="835"/>
      <c r="E37" s="851">
        <v>1</v>
      </c>
      <c r="F37" s="714"/>
      <c r="G37" s="714"/>
      <c r="H37" s="714"/>
      <c r="I37" s="714"/>
      <c r="J37" s="714"/>
      <c r="K37" s="714"/>
      <c r="L37" s="714"/>
      <c r="M37" s="714"/>
      <c r="N37" s="714"/>
      <c r="O37" s="714"/>
      <c r="P37" s="714"/>
      <c r="Q37" s="714"/>
      <c r="R37" s="714"/>
      <c r="S37" s="714"/>
      <c r="T37" s="714"/>
      <c r="U37" s="714"/>
      <c r="V37" s="714"/>
      <c r="W37" s="714"/>
      <c r="X37" s="714"/>
      <c r="Y37" s="714"/>
      <c r="Z37" s="714"/>
      <c r="AA37" s="714"/>
      <c r="AB37" s="714"/>
      <c r="AC37" s="714"/>
      <c r="AD37" s="714"/>
      <c r="AE37" s="714"/>
      <c r="AF37" s="853"/>
      <c r="AG37" s="854"/>
      <c r="AH37" s="854"/>
      <c r="AI37" s="854"/>
      <c r="AJ37" s="854"/>
      <c r="AK37" s="854"/>
      <c r="AL37" s="854"/>
      <c r="AM37" s="854"/>
      <c r="AN37" s="854"/>
      <c r="AO37" s="854"/>
      <c r="AP37" s="854"/>
      <c r="AQ37" s="854"/>
      <c r="AR37" s="854"/>
      <c r="AS37" s="855"/>
      <c r="AT37" s="6"/>
      <c r="AU37" s="6"/>
      <c r="AV37" s="18"/>
      <c r="AW37" s="19"/>
      <c r="AX37" s="20"/>
      <c r="AY37" s="20"/>
      <c r="AZ37" s="20"/>
    </row>
    <row r="38" spans="1:52" s="4" customFormat="1" ht="18" customHeight="1" x14ac:dyDescent="0.2">
      <c r="A38" s="3"/>
      <c r="B38" s="222"/>
      <c r="C38" s="84"/>
      <c r="D38" s="835"/>
      <c r="E38" s="852"/>
      <c r="F38" s="714"/>
      <c r="G38" s="714"/>
      <c r="H38" s="714"/>
      <c r="I38" s="714"/>
      <c r="J38" s="714"/>
      <c r="K38" s="714"/>
      <c r="L38" s="714"/>
      <c r="M38" s="714"/>
      <c r="N38" s="714"/>
      <c r="O38" s="714"/>
      <c r="P38" s="714"/>
      <c r="Q38" s="714"/>
      <c r="R38" s="714"/>
      <c r="S38" s="714"/>
      <c r="T38" s="714"/>
      <c r="U38" s="714"/>
      <c r="V38" s="714"/>
      <c r="W38" s="714"/>
      <c r="X38" s="714"/>
      <c r="Y38" s="714"/>
      <c r="Z38" s="714"/>
      <c r="AA38" s="714"/>
      <c r="AB38" s="714"/>
      <c r="AC38" s="714"/>
      <c r="AD38" s="714"/>
      <c r="AE38" s="714"/>
      <c r="AF38" s="734"/>
      <c r="AG38" s="735"/>
      <c r="AH38" s="735"/>
      <c r="AI38" s="735"/>
      <c r="AJ38" s="735"/>
      <c r="AK38" s="735"/>
      <c r="AL38" s="735"/>
      <c r="AM38" s="735"/>
      <c r="AN38" s="735"/>
      <c r="AO38" s="735"/>
      <c r="AP38" s="735"/>
      <c r="AQ38" s="735"/>
      <c r="AR38" s="735"/>
      <c r="AS38" s="736"/>
      <c r="AT38" s="6"/>
      <c r="AU38" s="6"/>
      <c r="AV38" s="3"/>
      <c r="AW38" s="16"/>
      <c r="AX38" s="17"/>
      <c r="AY38" s="17"/>
      <c r="AZ38" s="17"/>
    </row>
    <row r="39" spans="1:52" s="4" customFormat="1" ht="18" customHeight="1" x14ac:dyDescent="0.2">
      <c r="A39" s="18"/>
      <c r="B39" s="222"/>
      <c r="C39" s="84"/>
      <c r="D39" s="835"/>
      <c r="E39" s="856">
        <v>2</v>
      </c>
      <c r="F39" s="714"/>
      <c r="G39" s="714"/>
      <c r="H39" s="714"/>
      <c r="I39" s="714"/>
      <c r="J39" s="714"/>
      <c r="K39" s="714"/>
      <c r="L39" s="714"/>
      <c r="M39" s="714"/>
      <c r="N39" s="714"/>
      <c r="O39" s="714"/>
      <c r="P39" s="714"/>
      <c r="Q39" s="714"/>
      <c r="R39" s="714"/>
      <c r="S39" s="714"/>
      <c r="T39" s="714"/>
      <c r="U39" s="714"/>
      <c r="V39" s="714"/>
      <c r="W39" s="714"/>
      <c r="X39" s="714"/>
      <c r="Y39" s="714"/>
      <c r="Z39" s="714"/>
      <c r="AA39" s="714"/>
      <c r="AB39" s="714"/>
      <c r="AC39" s="714"/>
      <c r="AD39" s="714"/>
      <c r="AE39" s="714"/>
      <c r="AF39" s="716"/>
      <c r="AG39" s="717"/>
      <c r="AH39" s="717"/>
      <c r="AI39" s="717"/>
      <c r="AJ39" s="717"/>
      <c r="AK39" s="717"/>
      <c r="AL39" s="717"/>
      <c r="AM39" s="717"/>
      <c r="AN39" s="717"/>
      <c r="AO39" s="717"/>
      <c r="AP39" s="717"/>
      <c r="AQ39" s="717"/>
      <c r="AR39" s="717"/>
      <c r="AS39" s="718"/>
      <c r="AT39" s="6"/>
      <c r="AU39" s="6"/>
      <c r="AV39" s="3"/>
      <c r="AW39" s="16"/>
      <c r="AX39" s="17"/>
      <c r="AY39" s="17"/>
      <c r="AZ39" s="17"/>
    </row>
    <row r="40" spans="1:52" s="21" customFormat="1" ht="18" customHeight="1" x14ac:dyDescent="0.2">
      <c r="A40" s="3"/>
      <c r="B40" s="222"/>
      <c r="C40" s="84"/>
      <c r="D40" s="835"/>
      <c r="E40" s="857"/>
      <c r="F40" s="714"/>
      <c r="G40" s="714"/>
      <c r="H40" s="714"/>
      <c r="I40" s="714"/>
      <c r="J40" s="714"/>
      <c r="K40" s="714"/>
      <c r="L40" s="714"/>
      <c r="M40" s="714"/>
      <c r="N40" s="714"/>
      <c r="O40" s="714"/>
      <c r="P40" s="714"/>
      <c r="Q40" s="714"/>
      <c r="R40" s="714"/>
      <c r="S40" s="714"/>
      <c r="T40" s="714"/>
      <c r="U40" s="714"/>
      <c r="V40" s="714"/>
      <c r="W40" s="714"/>
      <c r="X40" s="714"/>
      <c r="Y40" s="714"/>
      <c r="Z40" s="714"/>
      <c r="AA40" s="714"/>
      <c r="AB40" s="714"/>
      <c r="AC40" s="714"/>
      <c r="AD40" s="714"/>
      <c r="AE40" s="714"/>
      <c r="AF40" s="734"/>
      <c r="AG40" s="735"/>
      <c r="AH40" s="735"/>
      <c r="AI40" s="735"/>
      <c r="AJ40" s="735"/>
      <c r="AK40" s="735"/>
      <c r="AL40" s="735"/>
      <c r="AM40" s="735"/>
      <c r="AN40" s="735"/>
      <c r="AO40" s="735"/>
      <c r="AP40" s="735"/>
      <c r="AQ40" s="735"/>
      <c r="AR40" s="735"/>
      <c r="AS40" s="736"/>
      <c r="AT40" s="6"/>
      <c r="AU40" s="6"/>
      <c r="AV40" s="18"/>
      <c r="AW40" s="19"/>
      <c r="AX40" s="20"/>
      <c r="AY40" s="20"/>
      <c r="AZ40" s="20"/>
    </row>
    <row r="41" spans="1:52" s="4" customFormat="1" ht="18" customHeight="1" x14ac:dyDescent="0.2">
      <c r="A41" s="3"/>
      <c r="B41" s="222"/>
      <c r="C41" s="84"/>
      <c r="D41" s="835"/>
      <c r="E41" s="858">
        <v>3</v>
      </c>
      <c r="F41" s="714"/>
      <c r="G41" s="714"/>
      <c r="H41" s="714"/>
      <c r="I41" s="714"/>
      <c r="J41" s="714"/>
      <c r="K41" s="714"/>
      <c r="L41" s="714"/>
      <c r="M41" s="714"/>
      <c r="N41" s="714"/>
      <c r="O41" s="714"/>
      <c r="P41" s="714"/>
      <c r="Q41" s="714"/>
      <c r="R41" s="714"/>
      <c r="S41" s="714"/>
      <c r="T41" s="714"/>
      <c r="U41" s="714"/>
      <c r="V41" s="714"/>
      <c r="W41" s="714"/>
      <c r="X41" s="714"/>
      <c r="Y41" s="714"/>
      <c r="Z41" s="714"/>
      <c r="AA41" s="714"/>
      <c r="AB41" s="714"/>
      <c r="AC41" s="714"/>
      <c r="AD41" s="714"/>
      <c r="AE41" s="714"/>
      <c r="AF41" s="716"/>
      <c r="AG41" s="717"/>
      <c r="AH41" s="717"/>
      <c r="AI41" s="717"/>
      <c r="AJ41" s="717"/>
      <c r="AK41" s="717"/>
      <c r="AL41" s="717"/>
      <c r="AM41" s="717"/>
      <c r="AN41" s="717"/>
      <c r="AO41" s="717"/>
      <c r="AP41" s="717"/>
      <c r="AQ41" s="717"/>
      <c r="AR41" s="717"/>
      <c r="AS41" s="718"/>
      <c r="AT41" s="6"/>
      <c r="AU41" s="6"/>
      <c r="AV41" s="3"/>
      <c r="AW41" s="16"/>
      <c r="AX41" s="17"/>
      <c r="AY41" s="17"/>
      <c r="AZ41" s="17"/>
    </row>
    <row r="42" spans="1:52" s="4" customFormat="1" ht="18" customHeight="1" thickBot="1" x14ac:dyDescent="0.25">
      <c r="A42" s="18"/>
      <c r="B42" s="222"/>
      <c r="C42" s="84"/>
      <c r="D42" s="847"/>
      <c r="E42" s="859"/>
      <c r="F42" s="715"/>
      <c r="G42" s="715"/>
      <c r="H42" s="715"/>
      <c r="I42" s="715"/>
      <c r="J42" s="715"/>
      <c r="K42" s="715"/>
      <c r="L42" s="715"/>
      <c r="M42" s="715"/>
      <c r="N42" s="715"/>
      <c r="O42" s="715"/>
      <c r="P42" s="715"/>
      <c r="Q42" s="715"/>
      <c r="R42" s="715"/>
      <c r="S42" s="715"/>
      <c r="T42" s="715"/>
      <c r="U42" s="715"/>
      <c r="V42" s="715"/>
      <c r="W42" s="715"/>
      <c r="X42" s="715"/>
      <c r="Y42" s="715"/>
      <c r="Z42" s="715"/>
      <c r="AA42" s="715"/>
      <c r="AB42" s="715"/>
      <c r="AC42" s="715"/>
      <c r="AD42" s="715"/>
      <c r="AE42" s="715"/>
      <c r="AF42" s="719"/>
      <c r="AG42" s="720"/>
      <c r="AH42" s="720"/>
      <c r="AI42" s="720"/>
      <c r="AJ42" s="720"/>
      <c r="AK42" s="720"/>
      <c r="AL42" s="720"/>
      <c r="AM42" s="720"/>
      <c r="AN42" s="720"/>
      <c r="AO42" s="720"/>
      <c r="AP42" s="720"/>
      <c r="AQ42" s="720"/>
      <c r="AR42" s="720"/>
      <c r="AS42" s="721"/>
      <c r="AT42" s="6"/>
      <c r="AU42" s="6"/>
      <c r="AV42" s="3"/>
      <c r="AW42" s="16"/>
      <c r="AX42" s="17"/>
      <c r="AY42" s="17"/>
      <c r="AZ42" s="17"/>
    </row>
    <row r="43" spans="1:52" s="10" customFormat="1" ht="22.5" customHeight="1" x14ac:dyDescent="0.2">
      <c r="A43" s="7"/>
      <c r="B43" s="222"/>
      <c r="C43" s="84"/>
      <c r="D43" s="582" t="s">
        <v>84</v>
      </c>
      <c r="E43" s="72" t="s">
        <v>3</v>
      </c>
      <c r="F43" s="71"/>
      <c r="G43" s="71"/>
      <c r="H43" s="71"/>
      <c r="I43" s="845"/>
      <c r="J43" s="845"/>
      <c r="K43" s="845"/>
      <c r="L43" s="845"/>
      <c r="M43" s="845"/>
      <c r="N43" s="845"/>
      <c r="O43" s="845"/>
      <c r="P43" s="845"/>
      <c r="Q43" s="845"/>
      <c r="R43" s="845"/>
      <c r="S43" s="845"/>
      <c r="T43" s="845"/>
      <c r="U43" s="845"/>
      <c r="V43" s="845"/>
      <c r="W43" s="845"/>
      <c r="X43" s="845"/>
      <c r="Y43" s="845"/>
      <c r="Z43" s="845"/>
      <c r="AA43" s="845"/>
      <c r="AB43" s="845"/>
      <c r="AC43" s="845"/>
      <c r="AD43" s="845"/>
      <c r="AE43" s="846"/>
      <c r="AF43" s="73" t="s">
        <v>11</v>
      </c>
      <c r="AG43" s="71"/>
      <c r="AH43" s="71"/>
      <c r="AI43" s="71"/>
      <c r="AJ43" s="71"/>
      <c r="AK43" s="71"/>
      <c r="AL43" s="71"/>
      <c r="AM43" s="71"/>
      <c r="AN43" s="71"/>
      <c r="AO43" s="71"/>
      <c r="AP43" s="71"/>
      <c r="AQ43" s="71"/>
      <c r="AR43" s="71"/>
      <c r="AS43" s="74"/>
      <c r="AT43" s="6"/>
      <c r="AU43" s="6"/>
      <c r="AV43" s="7"/>
      <c r="AW43" s="15"/>
      <c r="AX43" s="15"/>
      <c r="AY43" s="15"/>
      <c r="AZ43" s="15"/>
    </row>
    <row r="44" spans="1:52" s="10" customFormat="1" ht="22.5" customHeight="1" x14ac:dyDescent="0.2">
      <c r="A44" s="7"/>
      <c r="B44" s="222"/>
      <c r="C44" s="84"/>
      <c r="D44" s="584"/>
      <c r="E44" s="62" t="s">
        <v>85</v>
      </c>
      <c r="F44" s="61"/>
      <c r="G44" s="61"/>
      <c r="H44" s="61"/>
      <c r="I44" s="61"/>
      <c r="J44" s="61"/>
      <c r="K44" s="61"/>
      <c r="L44" s="61"/>
      <c r="M44" s="61"/>
      <c r="N44" s="61"/>
      <c r="O44" s="61"/>
      <c r="P44" s="61"/>
      <c r="Q44" s="61"/>
      <c r="R44" s="61"/>
      <c r="S44" s="61"/>
      <c r="T44" s="61"/>
      <c r="U44" s="61"/>
      <c r="V44" s="61"/>
      <c r="W44" s="61"/>
      <c r="X44" s="61"/>
      <c r="Y44" s="61"/>
      <c r="Z44" s="61"/>
      <c r="AA44" s="61"/>
      <c r="AB44" s="61"/>
      <c r="AC44" s="61"/>
      <c r="AD44" s="61"/>
      <c r="AE44" s="61"/>
      <c r="AF44" s="67"/>
      <c r="AG44" s="61"/>
      <c r="AH44" s="61"/>
      <c r="AI44" s="61"/>
      <c r="AJ44" s="61"/>
      <c r="AK44" s="61"/>
      <c r="AL44" s="61"/>
      <c r="AM44" s="61"/>
      <c r="AN44" s="61"/>
      <c r="AO44" s="61"/>
      <c r="AP44" s="61"/>
      <c r="AQ44" s="61"/>
      <c r="AR44" s="61"/>
      <c r="AS44" s="68"/>
      <c r="AT44" s="6"/>
      <c r="AU44" s="6"/>
      <c r="AV44" s="7"/>
      <c r="AW44" s="8"/>
      <c r="AX44" s="9"/>
      <c r="AY44" s="9"/>
      <c r="AZ44" s="9"/>
    </row>
    <row r="45" spans="1:52" s="10" customFormat="1" ht="22.5" customHeight="1" thickBot="1" x14ac:dyDescent="0.25">
      <c r="A45" s="1"/>
      <c r="B45" s="222"/>
      <c r="C45" s="84"/>
      <c r="D45" s="585"/>
      <c r="E45" s="69"/>
      <c r="F45" s="724"/>
      <c r="G45" s="724"/>
      <c r="H45" s="724"/>
      <c r="I45" s="724"/>
      <c r="J45" s="724"/>
      <c r="K45" s="724"/>
      <c r="L45" s="724"/>
      <c r="M45" s="724"/>
      <c r="N45" s="724"/>
      <c r="O45" s="724"/>
      <c r="P45" s="724"/>
      <c r="Q45" s="724"/>
      <c r="R45" s="724"/>
      <c r="S45" s="724"/>
      <c r="T45" s="724"/>
      <c r="U45" s="724"/>
      <c r="V45" s="724"/>
      <c r="W45" s="724"/>
      <c r="X45" s="724"/>
      <c r="Y45" s="724"/>
      <c r="Z45" s="724"/>
      <c r="AA45" s="724"/>
      <c r="AB45" s="724"/>
      <c r="AC45" s="724"/>
      <c r="AD45" s="724"/>
      <c r="AE45" s="725"/>
      <c r="AF45" s="75"/>
      <c r="AG45" s="726"/>
      <c r="AH45" s="726"/>
      <c r="AI45" s="726"/>
      <c r="AJ45" s="726"/>
      <c r="AK45" s="726"/>
      <c r="AL45" s="726"/>
      <c r="AM45" s="726"/>
      <c r="AN45" s="726"/>
      <c r="AO45" s="726"/>
      <c r="AP45" s="726"/>
      <c r="AQ45" s="726"/>
      <c r="AR45" s="726"/>
      <c r="AS45" s="70"/>
      <c r="AT45" s="6"/>
      <c r="AU45" s="6"/>
      <c r="AV45" s="7"/>
      <c r="AW45" s="8"/>
      <c r="AX45" s="9"/>
      <c r="AY45" s="9"/>
      <c r="AZ45" s="9"/>
    </row>
    <row r="46" spans="1:52" s="10" customFormat="1" ht="22.5" customHeight="1" x14ac:dyDescent="0.2">
      <c r="A46" s="1"/>
      <c r="B46" s="222"/>
      <c r="C46" s="84"/>
      <c r="D46" s="145"/>
      <c r="E46" s="146"/>
      <c r="F46" s="147"/>
      <c r="G46" s="147"/>
      <c r="H46" s="147"/>
      <c r="I46" s="147"/>
      <c r="J46" s="147"/>
      <c r="K46" s="147"/>
      <c r="L46" s="147"/>
      <c r="M46" s="147"/>
      <c r="N46" s="147"/>
      <c r="O46" s="147"/>
      <c r="P46" s="147"/>
      <c r="Q46" s="147"/>
      <c r="R46" s="147"/>
      <c r="S46" s="147"/>
      <c r="T46" s="147"/>
      <c r="U46" s="147"/>
      <c r="V46" s="147"/>
      <c r="W46" s="147"/>
      <c r="X46" s="147"/>
      <c r="Y46" s="147"/>
      <c r="Z46" s="147"/>
      <c r="AA46" s="147"/>
      <c r="AB46" s="147"/>
      <c r="AC46" s="147"/>
      <c r="AD46" s="147"/>
      <c r="AE46" s="147"/>
      <c r="AF46" s="61"/>
      <c r="AG46" s="144"/>
      <c r="AH46" s="144"/>
      <c r="AI46" s="144"/>
      <c r="AJ46" s="144"/>
      <c r="AK46" s="144"/>
      <c r="AL46" s="144"/>
      <c r="AM46" s="144"/>
      <c r="AN46" s="144"/>
      <c r="AO46" s="144"/>
      <c r="AP46" s="144"/>
      <c r="AQ46" s="144"/>
      <c r="AR46" s="144"/>
      <c r="AS46" s="61"/>
      <c r="AT46" s="6"/>
      <c r="AU46" s="6"/>
      <c r="AV46" s="7"/>
      <c r="AW46" s="8"/>
      <c r="AX46" s="9"/>
      <c r="AY46" s="9"/>
      <c r="AZ46" s="9"/>
    </row>
    <row r="47" spans="1:52" ht="13.5" customHeight="1" x14ac:dyDescent="0.2">
      <c r="B47" s="222"/>
      <c r="C47" s="221"/>
      <c r="D47" s="681" t="s">
        <v>179</v>
      </c>
      <c r="E47" s="681"/>
      <c r="F47" s="681"/>
      <c r="G47" s="681"/>
      <c r="H47" s="681"/>
      <c r="I47" s="681"/>
      <c r="J47" s="681"/>
      <c r="K47" s="681"/>
      <c r="L47" s="681"/>
      <c r="M47" s="681"/>
      <c r="N47" s="681"/>
      <c r="O47" s="681"/>
      <c r="P47" s="681"/>
      <c r="Q47" s="681"/>
      <c r="R47" s="681"/>
      <c r="S47" s="681"/>
      <c r="T47" s="681"/>
      <c r="U47" s="681"/>
      <c r="V47" s="42"/>
      <c r="W47" s="42"/>
      <c r="X47" s="42"/>
      <c r="Y47" s="42"/>
      <c r="Z47" s="42"/>
      <c r="AA47" s="55"/>
      <c r="AB47" s="42"/>
      <c r="AC47" s="42"/>
      <c r="AD47" s="42"/>
      <c r="AE47" s="42"/>
      <c r="AF47" s="42"/>
      <c r="AG47" s="42"/>
      <c r="AH47" s="42"/>
      <c r="AI47" s="42"/>
      <c r="AJ47" s="42"/>
      <c r="AK47" s="42"/>
      <c r="AL47" s="42"/>
      <c r="AM47" s="42"/>
      <c r="AN47" s="42"/>
      <c r="AO47" s="42"/>
      <c r="AP47" s="42"/>
      <c r="AQ47" s="42"/>
      <c r="AR47" s="42"/>
      <c r="AS47" s="42"/>
      <c r="AT47" s="221"/>
      <c r="AU47" s="222"/>
      <c r="AV47" s="1"/>
      <c r="AW47" s="1"/>
      <c r="AX47" s="2"/>
      <c r="AY47" s="2"/>
      <c r="AZ47" s="2"/>
    </row>
    <row r="48" spans="1:52" s="155" customFormat="1" ht="9.9" customHeight="1" thickBot="1" x14ac:dyDescent="0.25">
      <c r="B48" s="156"/>
      <c r="C48" s="84"/>
      <c r="D48" s="681"/>
      <c r="E48" s="681"/>
      <c r="F48" s="681"/>
      <c r="G48" s="681"/>
      <c r="H48" s="681"/>
      <c r="I48" s="681"/>
      <c r="J48" s="681"/>
      <c r="K48" s="681"/>
      <c r="L48" s="681"/>
      <c r="M48" s="681"/>
      <c r="N48" s="681"/>
      <c r="O48" s="681"/>
      <c r="P48" s="681"/>
      <c r="Q48" s="681"/>
      <c r="R48" s="681"/>
      <c r="S48" s="681"/>
      <c r="T48" s="681"/>
      <c r="U48" s="681"/>
      <c r="V48" s="84"/>
      <c r="W48" s="84"/>
      <c r="X48" s="84"/>
      <c r="Y48" s="84"/>
      <c r="Z48" s="84"/>
      <c r="AA48" s="84"/>
      <c r="AB48" s="84"/>
      <c r="AC48" s="84"/>
      <c r="AD48" s="84"/>
      <c r="AE48" s="84"/>
      <c r="AF48" s="84"/>
      <c r="AG48" s="84"/>
      <c r="AH48" s="84"/>
      <c r="AI48" s="84"/>
      <c r="AJ48" s="84"/>
      <c r="AK48" s="84"/>
      <c r="AL48" s="84"/>
      <c r="AM48" s="84"/>
      <c r="AN48" s="84"/>
      <c r="AO48" s="84"/>
      <c r="AP48" s="84"/>
      <c r="AQ48" s="84"/>
      <c r="AR48" s="84"/>
      <c r="AS48" s="84"/>
      <c r="AT48" s="84"/>
      <c r="AU48" s="156"/>
      <c r="AV48" s="157"/>
      <c r="AW48" s="157"/>
      <c r="AX48" s="157"/>
      <c r="AY48" s="157"/>
      <c r="AZ48" s="157"/>
    </row>
    <row r="49" spans="2:52" s="155" customFormat="1" ht="36.75" customHeight="1" thickTop="1" x14ac:dyDescent="0.2">
      <c r="B49" s="156"/>
      <c r="C49" s="84"/>
      <c r="D49" s="810" t="s">
        <v>194</v>
      </c>
      <c r="E49" s="822" t="s">
        <v>50</v>
      </c>
      <c r="F49" s="822"/>
      <c r="G49" s="822"/>
      <c r="H49" s="822"/>
      <c r="I49" s="822"/>
      <c r="J49" s="822"/>
      <c r="K49" s="822"/>
      <c r="L49" s="822"/>
      <c r="M49" s="822"/>
      <c r="N49" s="822"/>
      <c r="O49" s="822"/>
      <c r="P49" s="822"/>
      <c r="Q49" s="822"/>
      <c r="R49" s="822"/>
      <c r="S49" s="822"/>
      <c r="T49" s="822"/>
      <c r="U49" s="822"/>
      <c r="V49" s="822"/>
      <c r="W49" s="822"/>
      <c r="X49" s="822"/>
      <c r="Y49" s="822"/>
      <c r="Z49" s="822"/>
      <c r="AA49" s="822"/>
      <c r="AB49" s="822"/>
      <c r="AC49" s="822"/>
      <c r="AD49" s="822"/>
      <c r="AE49" s="822"/>
      <c r="AF49" s="822"/>
      <c r="AG49" s="822"/>
      <c r="AH49" s="822"/>
      <c r="AI49" s="822"/>
      <c r="AJ49" s="822"/>
      <c r="AK49" s="822"/>
      <c r="AL49" s="822"/>
      <c r="AM49" s="822"/>
      <c r="AN49" s="822"/>
      <c r="AO49" s="822"/>
      <c r="AP49" s="823"/>
      <c r="AQ49" s="824" t="s">
        <v>162</v>
      </c>
      <c r="AR49" s="825"/>
      <c r="AS49" s="826"/>
      <c r="AT49" s="221"/>
      <c r="AU49" s="156"/>
    </row>
    <row r="50" spans="2:52" s="155" customFormat="1" ht="36.75" customHeight="1" x14ac:dyDescent="0.2">
      <c r="B50" s="156"/>
      <c r="C50" s="84"/>
      <c r="D50" s="811"/>
      <c r="E50" s="689" t="s">
        <v>64</v>
      </c>
      <c r="F50" s="689"/>
      <c r="G50" s="690" t="s">
        <v>172</v>
      </c>
      <c r="H50" s="690"/>
      <c r="I50" s="690"/>
      <c r="J50" s="690"/>
      <c r="K50" s="690"/>
      <c r="L50" s="690"/>
      <c r="M50" s="690"/>
      <c r="N50" s="690"/>
      <c r="O50" s="690"/>
      <c r="P50" s="690"/>
      <c r="Q50" s="690"/>
      <c r="R50" s="690"/>
      <c r="S50" s="690"/>
      <c r="T50" s="690"/>
      <c r="U50" s="690"/>
      <c r="V50" s="690"/>
      <c r="W50" s="690"/>
      <c r="X50" s="690"/>
      <c r="Y50" s="690"/>
      <c r="Z50" s="690"/>
      <c r="AA50" s="690"/>
      <c r="AB50" s="690"/>
      <c r="AC50" s="690"/>
      <c r="AD50" s="690"/>
      <c r="AE50" s="690"/>
      <c r="AF50" s="690"/>
      <c r="AG50" s="690"/>
      <c r="AH50" s="690"/>
      <c r="AI50" s="690"/>
      <c r="AJ50" s="690"/>
      <c r="AK50" s="690"/>
      <c r="AL50" s="690"/>
      <c r="AM50" s="690"/>
      <c r="AN50" s="690"/>
      <c r="AO50" s="690"/>
      <c r="AP50" s="691"/>
      <c r="AQ50" s="692" t="s">
        <v>51</v>
      </c>
      <c r="AR50" s="693"/>
      <c r="AS50" s="827"/>
      <c r="AT50" s="221"/>
      <c r="AU50" s="156"/>
    </row>
    <row r="51" spans="2:52" s="155" customFormat="1" ht="36.75" customHeight="1" x14ac:dyDescent="0.2">
      <c r="B51" s="156"/>
      <c r="C51" s="84"/>
      <c r="D51" s="811"/>
      <c r="E51" s="689" t="s">
        <v>65</v>
      </c>
      <c r="F51" s="689"/>
      <c r="G51" s="690" t="s">
        <v>45</v>
      </c>
      <c r="H51" s="690"/>
      <c r="I51" s="690"/>
      <c r="J51" s="690"/>
      <c r="K51" s="690"/>
      <c r="L51" s="690"/>
      <c r="M51" s="690"/>
      <c r="N51" s="690"/>
      <c r="O51" s="690"/>
      <c r="P51" s="690"/>
      <c r="Q51" s="690"/>
      <c r="R51" s="690"/>
      <c r="S51" s="690"/>
      <c r="T51" s="690"/>
      <c r="U51" s="690"/>
      <c r="V51" s="690"/>
      <c r="W51" s="690"/>
      <c r="X51" s="690"/>
      <c r="Y51" s="690"/>
      <c r="Z51" s="690"/>
      <c r="AA51" s="690"/>
      <c r="AB51" s="690"/>
      <c r="AC51" s="690"/>
      <c r="AD51" s="690"/>
      <c r="AE51" s="690"/>
      <c r="AF51" s="690"/>
      <c r="AG51" s="690"/>
      <c r="AH51" s="690"/>
      <c r="AI51" s="690"/>
      <c r="AJ51" s="690"/>
      <c r="AK51" s="690"/>
      <c r="AL51" s="690"/>
      <c r="AM51" s="690"/>
      <c r="AN51" s="690"/>
      <c r="AO51" s="690"/>
      <c r="AP51" s="691"/>
      <c r="AQ51" s="692" t="s">
        <v>51</v>
      </c>
      <c r="AR51" s="693"/>
      <c r="AS51" s="827"/>
      <c r="AT51" s="221"/>
      <c r="AU51" s="156"/>
    </row>
    <row r="52" spans="2:52" s="155" customFormat="1" ht="36.75" customHeight="1" thickBot="1" x14ac:dyDescent="0.25">
      <c r="B52" s="156"/>
      <c r="C52" s="84"/>
      <c r="D52" s="812"/>
      <c r="E52" s="828" t="s">
        <v>66</v>
      </c>
      <c r="F52" s="828"/>
      <c r="G52" s="829" t="s">
        <v>67</v>
      </c>
      <c r="H52" s="829"/>
      <c r="I52" s="829"/>
      <c r="J52" s="829"/>
      <c r="K52" s="829"/>
      <c r="L52" s="829"/>
      <c r="M52" s="829"/>
      <c r="N52" s="829"/>
      <c r="O52" s="829"/>
      <c r="P52" s="829"/>
      <c r="Q52" s="829"/>
      <c r="R52" s="829"/>
      <c r="S52" s="829"/>
      <c r="T52" s="829"/>
      <c r="U52" s="829"/>
      <c r="V52" s="829"/>
      <c r="W52" s="829"/>
      <c r="X52" s="829"/>
      <c r="Y52" s="829"/>
      <c r="Z52" s="829"/>
      <c r="AA52" s="829"/>
      <c r="AB52" s="829"/>
      <c r="AC52" s="829"/>
      <c r="AD52" s="829"/>
      <c r="AE52" s="829"/>
      <c r="AF52" s="829"/>
      <c r="AG52" s="829"/>
      <c r="AH52" s="829"/>
      <c r="AI52" s="829"/>
      <c r="AJ52" s="829"/>
      <c r="AK52" s="829"/>
      <c r="AL52" s="829"/>
      <c r="AM52" s="829"/>
      <c r="AN52" s="829"/>
      <c r="AO52" s="829"/>
      <c r="AP52" s="830"/>
      <c r="AQ52" s="831" t="s">
        <v>51</v>
      </c>
      <c r="AR52" s="832"/>
      <c r="AS52" s="833"/>
      <c r="AT52" s="221"/>
      <c r="AU52" s="156"/>
    </row>
    <row r="53" spans="2:52" ht="22.5" customHeight="1" x14ac:dyDescent="0.2">
      <c r="B53" s="156"/>
      <c r="C53" s="84"/>
      <c r="D53" s="810" t="s">
        <v>195</v>
      </c>
      <c r="E53" s="813" t="s">
        <v>102</v>
      </c>
      <c r="F53" s="813"/>
      <c r="G53" s="813"/>
      <c r="H53" s="813"/>
      <c r="I53" s="813"/>
      <c r="J53" s="813"/>
      <c r="K53" s="813"/>
      <c r="L53" s="814"/>
      <c r="M53" s="366" t="s">
        <v>119</v>
      </c>
      <c r="N53" s="317"/>
      <c r="O53" s="317"/>
      <c r="P53" s="317"/>
      <c r="Q53" s="317"/>
      <c r="R53" s="317"/>
      <c r="S53" s="317"/>
      <c r="T53" s="317"/>
      <c r="U53" s="317"/>
      <c r="V53" s="317"/>
      <c r="W53" s="317"/>
      <c r="X53" s="317"/>
      <c r="Y53" s="317"/>
      <c r="Z53" s="317"/>
      <c r="AA53" s="367"/>
      <c r="AB53" s="367"/>
      <c r="AC53" s="367"/>
      <c r="AD53" s="367"/>
      <c r="AE53" s="367"/>
      <c r="AF53" s="317"/>
      <c r="AG53" s="317"/>
      <c r="AH53" s="317"/>
      <c r="AI53" s="317"/>
      <c r="AJ53" s="317"/>
      <c r="AK53" s="317"/>
      <c r="AL53" s="317"/>
      <c r="AM53" s="317"/>
      <c r="AN53" s="317"/>
      <c r="AO53" s="317"/>
      <c r="AP53" s="317"/>
      <c r="AQ53" s="317"/>
      <c r="AR53" s="317"/>
      <c r="AS53" s="368"/>
      <c r="AT53" s="221"/>
      <c r="AU53" s="222"/>
      <c r="AV53" s="1"/>
      <c r="AW53" s="1"/>
      <c r="AX53" s="2"/>
      <c r="AY53" s="2"/>
      <c r="AZ53" s="2"/>
    </row>
    <row r="54" spans="2:52" ht="22.5" customHeight="1" x14ac:dyDescent="0.2">
      <c r="B54" s="156"/>
      <c r="C54" s="84"/>
      <c r="D54" s="811"/>
      <c r="E54" s="813"/>
      <c r="F54" s="813"/>
      <c r="G54" s="813"/>
      <c r="H54" s="813"/>
      <c r="I54" s="813"/>
      <c r="J54" s="813"/>
      <c r="K54" s="813"/>
      <c r="L54" s="814"/>
      <c r="M54" s="317" t="s">
        <v>120</v>
      </c>
      <c r="N54" s="317"/>
      <c r="O54" s="317"/>
      <c r="P54" s="317"/>
      <c r="Q54" s="317" t="s">
        <v>123</v>
      </c>
      <c r="R54" s="317"/>
      <c r="S54" s="317"/>
      <c r="T54" s="317"/>
      <c r="U54" s="317"/>
      <c r="V54" s="317"/>
      <c r="W54" s="317" t="s">
        <v>126</v>
      </c>
      <c r="X54" s="317"/>
      <c r="Y54" s="317"/>
      <c r="Z54" s="317"/>
      <c r="AA54" s="367"/>
      <c r="AB54" s="367"/>
      <c r="AC54" s="367"/>
      <c r="AD54" s="367"/>
      <c r="AE54" s="367"/>
      <c r="AF54" s="317"/>
      <c r="AG54" s="317"/>
      <c r="AH54" s="317"/>
      <c r="AI54" s="317"/>
      <c r="AJ54" s="317"/>
      <c r="AK54" s="317"/>
      <c r="AL54" s="317"/>
      <c r="AM54" s="317"/>
      <c r="AN54" s="317"/>
      <c r="AO54" s="317"/>
      <c r="AP54" s="317"/>
      <c r="AQ54" s="317"/>
      <c r="AR54" s="317"/>
      <c r="AS54" s="368"/>
      <c r="AT54" s="221"/>
      <c r="AU54" s="222"/>
      <c r="AV54" s="1"/>
      <c r="AW54" s="1"/>
      <c r="AX54" s="2"/>
      <c r="AY54" s="2"/>
      <c r="AZ54" s="2"/>
    </row>
    <row r="55" spans="2:52" ht="22.5" customHeight="1" x14ac:dyDescent="0.2">
      <c r="B55" s="156"/>
      <c r="C55" s="84"/>
      <c r="D55" s="811"/>
      <c r="E55" s="813"/>
      <c r="F55" s="813"/>
      <c r="G55" s="813"/>
      <c r="H55" s="813"/>
      <c r="I55" s="813"/>
      <c r="J55" s="813"/>
      <c r="K55" s="813"/>
      <c r="L55" s="814"/>
      <c r="M55" s="317" t="s">
        <v>121</v>
      </c>
      <c r="N55" s="317"/>
      <c r="O55" s="317"/>
      <c r="P55" s="317"/>
      <c r="Q55" s="317" t="s">
        <v>124</v>
      </c>
      <c r="R55" s="317"/>
      <c r="S55" s="317"/>
      <c r="T55" s="317"/>
      <c r="U55" s="317"/>
      <c r="V55" s="317"/>
      <c r="W55" s="317" t="s">
        <v>127</v>
      </c>
      <c r="X55" s="317"/>
      <c r="Y55" s="317"/>
      <c r="Z55" s="317"/>
      <c r="AA55" s="367"/>
      <c r="AB55" s="367"/>
      <c r="AC55" s="317" t="s">
        <v>209</v>
      </c>
      <c r="AD55" s="369"/>
      <c r="AE55" s="367"/>
      <c r="AF55" s="317"/>
      <c r="AG55" s="317"/>
      <c r="AH55" s="317"/>
      <c r="AI55" s="317"/>
      <c r="AJ55" s="317"/>
      <c r="AK55" s="317"/>
      <c r="AL55" s="317"/>
      <c r="AM55" s="317"/>
      <c r="AN55" s="317"/>
      <c r="AO55" s="317"/>
      <c r="AP55" s="317"/>
      <c r="AQ55" s="317"/>
      <c r="AR55" s="317"/>
      <c r="AS55" s="368"/>
      <c r="AT55" s="221"/>
      <c r="AU55" s="222"/>
      <c r="AV55" s="1"/>
      <c r="AW55" s="1"/>
      <c r="AX55" s="2"/>
      <c r="AY55" s="2"/>
      <c r="AZ55" s="2"/>
    </row>
    <row r="56" spans="2:52" ht="22.5" customHeight="1" x14ac:dyDescent="0.2">
      <c r="B56" s="156"/>
      <c r="C56" s="84"/>
      <c r="D56" s="811"/>
      <c r="E56" s="815"/>
      <c r="F56" s="815"/>
      <c r="G56" s="815"/>
      <c r="H56" s="815"/>
      <c r="I56" s="815"/>
      <c r="J56" s="815"/>
      <c r="K56" s="815"/>
      <c r="L56" s="816"/>
      <c r="M56" s="322" t="s">
        <v>122</v>
      </c>
      <c r="N56" s="322"/>
      <c r="O56" s="322"/>
      <c r="P56" s="322"/>
      <c r="Q56" s="322" t="s">
        <v>125</v>
      </c>
      <c r="R56" s="322"/>
      <c r="S56" s="322"/>
      <c r="T56" s="322"/>
      <c r="U56" s="322"/>
      <c r="V56" s="322"/>
      <c r="W56" s="322" t="s">
        <v>128</v>
      </c>
      <c r="X56" s="322"/>
      <c r="Y56" s="322"/>
      <c r="Z56" s="322"/>
      <c r="AA56" s="370"/>
      <c r="AB56" s="370"/>
      <c r="AC56" s="370"/>
      <c r="AD56" s="370"/>
      <c r="AE56" s="370"/>
      <c r="AF56" s="322"/>
      <c r="AG56" s="322"/>
      <c r="AH56" s="322"/>
      <c r="AI56" s="322"/>
      <c r="AJ56" s="322"/>
      <c r="AK56" s="322"/>
      <c r="AL56" s="322"/>
      <c r="AM56" s="322"/>
      <c r="AN56" s="322"/>
      <c r="AO56" s="322"/>
      <c r="AP56" s="322"/>
      <c r="AQ56" s="322"/>
      <c r="AR56" s="322"/>
      <c r="AS56" s="371"/>
      <c r="AT56" s="221"/>
      <c r="AU56" s="222"/>
      <c r="AV56" s="1"/>
      <c r="AW56" s="1"/>
      <c r="AX56" s="2"/>
      <c r="AY56" s="2"/>
      <c r="AZ56" s="2"/>
    </row>
    <row r="57" spans="2:52" ht="22.5" customHeight="1" x14ac:dyDescent="0.2">
      <c r="B57" s="156"/>
      <c r="C57" s="84"/>
      <c r="D57" s="811"/>
      <c r="E57" s="324" t="s">
        <v>3</v>
      </c>
      <c r="F57" s="325"/>
      <c r="G57" s="325"/>
      <c r="H57" s="325"/>
      <c r="I57" s="657"/>
      <c r="J57" s="657"/>
      <c r="K57" s="657"/>
      <c r="L57" s="657"/>
      <c r="M57" s="657"/>
      <c r="N57" s="657"/>
      <c r="O57" s="657"/>
      <c r="P57" s="657"/>
      <c r="Q57" s="657"/>
      <c r="R57" s="657"/>
      <c r="S57" s="657"/>
      <c r="T57" s="657"/>
      <c r="U57" s="657"/>
      <c r="V57" s="657"/>
      <c r="W57" s="657"/>
      <c r="X57" s="657"/>
      <c r="Y57" s="657"/>
      <c r="Z57" s="658"/>
      <c r="AA57" s="659" t="s">
        <v>8</v>
      </c>
      <c r="AB57" s="660"/>
      <c r="AC57" s="660"/>
      <c r="AD57" s="660"/>
      <c r="AE57" s="661"/>
      <c r="AF57" s="662"/>
      <c r="AG57" s="663"/>
      <c r="AH57" s="663"/>
      <c r="AI57" s="663"/>
      <c r="AJ57" s="663"/>
      <c r="AK57" s="663"/>
      <c r="AL57" s="663"/>
      <c r="AM57" s="663"/>
      <c r="AN57" s="663"/>
      <c r="AO57" s="663"/>
      <c r="AP57" s="663"/>
      <c r="AQ57" s="663"/>
      <c r="AR57" s="663"/>
      <c r="AS57" s="817"/>
      <c r="AT57" s="221"/>
      <c r="AU57" s="222"/>
      <c r="AV57" s="1"/>
      <c r="AW57" s="1"/>
      <c r="AX57" s="2"/>
      <c r="AY57" s="2"/>
      <c r="AZ57" s="2"/>
    </row>
    <row r="58" spans="2:52" ht="22.5" customHeight="1" x14ac:dyDescent="0.2">
      <c r="B58" s="156"/>
      <c r="C58" s="84"/>
      <c r="D58" s="811"/>
      <c r="E58" s="326" t="s">
        <v>93</v>
      </c>
      <c r="F58" s="327"/>
      <c r="G58" s="327"/>
      <c r="H58" s="327"/>
      <c r="I58" s="327"/>
      <c r="J58" s="327"/>
      <c r="K58" s="327"/>
      <c r="L58" s="327"/>
      <c r="M58" s="327"/>
      <c r="N58" s="327"/>
      <c r="O58" s="327"/>
      <c r="P58" s="327"/>
      <c r="Q58" s="327"/>
      <c r="R58" s="327"/>
      <c r="S58" s="327"/>
      <c r="T58" s="327"/>
      <c r="U58" s="327"/>
      <c r="V58" s="327"/>
      <c r="W58" s="327"/>
      <c r="X58" s="327"/>
      <c r="Y58" s="327"/>
      <c r="Z58" s="327"/>
      <c r="AA58" s="665" t="s">
        <v>9</v>
      </c>
      <c r="AB58" s="666"/>
      <c r="AC58" s="666"/>
      <c r="AD58" s="666"/>
      <c r="AE58" s="667"/>
      <c r="AF58" s="671" t="s">
        <v>70</v>
      </c>
      <c r="AG58" s="672"/>
      <c r="AH58" s="672"/>
      <c r="AI58" s="672"/>
      <c r="AJ58" s="672"/>
      <c r="AK58" s="672"/>
      <c r="AL58" s="672"/>
      <c r="AM58" s="672"/>
      <c r="AN58" s="672"/>
      <c r="AO58" s="672"/>
      <c r="AP58" s="672"/>
      <c r="AQ58" s="672"/>
      <c r="AR58" s="672"/>
      <c r="AS58" s="818"/>
      <c r="AT58" s="221"/>
      <c r="AU58" s="222"/>
      <c r="AV58" s="1"/>
      <c r="AW58" s="1"/>
      <c r="AX58" s="2"/>
      <c r="AY58" s="2"/>
      <c r="AZ58" s="2"/>
    </row>
    <row r="59" spans="2:52" ht="22.5" customHeight="1" x14ac:dyDescent="0.2">
      <c r="B59" s="156"/>
      <c r="C59" s="84"/>
      <c r="D59" s="811"/>
      <c r="E59" s="372"/>
      <c r="F59" s="674"/>
      <c r="G59" s="674"/>
      <c r="H59" s="674"/>
      <c r="I59" s="674"/>
      <c r="J59" s="674"/>
      <c r="K59" s="674"/>
      <c r="L59" s="674"/>
      <c r="M59" s="674"/>
      <c r="N59" s="674"/>
      <c r="O59" s="674"/>
      <c r="P59" s="674"/>
      <c r="Q59" s="674"/>
      <c r="R59" s="674"/>
      <c r="S59" s="674"/>
      <c r="T59" s="674"/>
      <c r="U59" s="674"/>
      <c r="V59" s="674"/>
      <c r="W59" s="674"/>
      <c r="X59" s="674"/>
      <c r="Y59" s="674"/>
      <c r="Z59" s="675"/>
      <c r="AA59" s="668"/>
      <c r="AB59" s="669"/>
      <c r="AC59" s="669"/>
      <c r="AD59" s="669"/>
      <c r="AE59" s="670"/>
      <c r="AF59" s="676"/>
      <c r="AG59" s="677"/>
      <c r="AH59" s="677"/>
      <c r="AI59" s="677"/>
      <c r="AJ59" s="677"/>
      <c r="AK59" s="677"/>
      <c r="AL59" s="677"/>
      <c r="AM59" s="677"/>
      <c r="AN59" s="677"/>
      <c r="AO59" s="677"/>
      <c r="AP59" s="677"/>
      <c r="AQ59" s="677"/>
      <c r="AR59" s="677"/>
      <c r="AS59" s="819"/>
      <c r="AT59" s="221"/>
      <c r="AU59" s="222"/>
      <c r="AV59" s="1"/>
      <c r="AW59" s="1"/>
      <c r="AX59" s="2"/>
      <c r="AY59" s="2"/>
      <c r="AZ59" s="2"/>
    </row>
    <row r="60" spans="2:52" ht="22.5" customHeight="1" x14ac:dyDescent="0.2">
      <c r="B60" s="156"/>
      <c r="C60" s="84"/>
      <c r="D60" s="811"/>
      <c r="E60" s="329" t="s">
        <v>72</v>
      </c>
      <c r="F60" s="329"/>
      <c r="G60" s="329"/>
      <c r="H60" s="329"/>
      <c r="I60" s="329"/>
      <c r="J60" s="329"/>
      <c r="K60" s="329"/>
      <c r="L60" s="329"/>
      <c r="M60" s="329"/>
      <c r="N60" s="329"/>
      <c r="O60" s="329"/>
      <c r="P60" s="329"/>
      <c r="Q60" s="329"/>
      <c r="R60" s="329"/>
      <c r="S60" s="329"/>
      <c r="T60" s="329"/>
      <c r="U60" s="329"/>
      <c r="V60" s="329"/>
      <c r="W60" s="329"/>
      <c r="X60" s="329"/>
      <c r="Y60" s="329"/>
      <c r="Z60" s="329"/>
      <c r="AA60" s="330" t="s">
        <v>73</v>
      </c>
      <c r="AB60" s="331"/>
      <c r="AC60" s="332"/>
      <c r="AD60" s="332"/>
      <c r="AE60" s="332"/>
      <c r="AF60" s="333" t="s">
        <v>101</v>
      </c>
      <c r="AG60" s="334"/>
      <c r="AH60" s="335"/>
      <c r="AI60" s="335"/>
      <c r="AJ60" s="335"/>
      <c r="AK60" s="335"/>
      <c r="AL60" s="335"/>
      <c r="AM60" s="335"/>
      <c r="AN60" s="335"/>
      <c r="AO60" s="335"/>
      <c r="AP60" s="335"/>
      <c r="AQ60" s="335"/>
      <c r="AR60" s="335"/>
      <c r="AS60" s="373"/>
      <c r="AT60" s="221"/>
      <c r="AU60" s="222"/>
      <c r="AV60" s="1"/>
      <c r="AW60" s="1"/>
      <c r="AX60" s="2"/>
      <c r="AY60" s="2"/>
      <c r="AZ60" s="2"/>
    </row>
    <row r="61" spans="2:52" ht="22.5" customHeight="1" x14ac:dyDescent="0.2">
      <c r="B61" s="156"/>
      <c r="C61" s="84"/>
      <c r="D61" s="811"/>
      <c r="E61" s="338" t="s">
        <v>74</v>
      </c>
      <c r="F61" s="338" t="s">
        <v>48</v>
      </c>
      <c r="G61" s="338"/>
      <c r="H61" s="338" t="s">
        <v>75</v>
      </c>
      <c r="I61" s="339" t="s">
        <v>51</v>
      </c>
      <c r="J61" s="338" t="s">
        <v>76</v>
      </c>
      <c r="K61" s="338"/>
      <c r="L61" s="338"/>
      <c r="M61" s="339" t="s">
        <v>51</v>
      </c>
      <c r="N61" s="338" t="s">
        <v>77</v>
      </c>
      <c r="O61" s="338"/>
      <c r="P61" s="338"/>
      <c r="Q61" s="338"/>
      <c r="R61" s="339" t="s">
        <v>51</v>
      </c>
      <c r="S61" s="338" t="s">
        <v>78</v>
      </c>
      <c r="T61" s="338"/>
      <c r="U61" s="338"/>
      <c r="V61" s="338"/>
      <c r="W61" s="340" t="s">
        <v>47</v>
      </c>
      <c r="X61" s="338"/>
      <c r="Y61" s="338"/>
      <c r="Z61" s="341"/>
      <c r="AA61" s="342"/>
      <c r="AB61" s="343"/>
      <c r="AC61" s="343"/>
      <c r="AD61" s="343"/>
      <c r="AE61" s="343"/>
      <c r="AF61" s="344"/>
      <c r="AG61" s="327"/>
      <c r="AH61" s="327"/>
      <c r="AI61" s="327"/>
      <c r="AJ61" s="327"/>
      <c r="AK61" s="327"/>
      <c r="AL61" s="327"/>
      <c r="AM61" s="327"/>
      <c r="AN61" s="327"/>
      <c r="AO61" s="327"/>
      <c r="AP61" s="327"/>
      <c r="AQ61" s="327"/>
      <c r="AR61" s="327"/>
      <c r="AS61" s="374"/>
      <c r="AT61" s="221"/>
      <c r="AU61" s="222"/>
      <c r="AV61" s="1"/>
      <c r="AW61" s="1"/>
      <c r="AX61" s="2"/>
      <c r="AY61" s="2"/>
      <c r="AZ61" s="2"/>
    </row>
    <row r="62" spans="2:52" ht="22.5" customHeight="1" thickBot="1" x14ac:dyDescent="0.25">
      <c r="B62" s="156"/>
      <c r="C62" s="84"/>
      <c r="D62" s="812"/>
      <c r="E62" s="375" t="s">
        <v>79</v>
      </c>
      <c r="F62" s="376" t="s">
        <v>51</v>
      </c>
      <c r="G62" s="377" t="s">
        <v>49</v>
      </c>
      <c r="H62" s="378"/>
      <c r="I62" s="378"/>
      <c r="J62" s="378"/>
      <c r="K62" s="378"/>
      <c r="L62" s="378"/>
      <c r="M62" s="378"/>
      <c r="N62" s="378"/>
      <c r="O62" s="378"/>
      <c r="P62" s="378"/>
      <c r="Q62" s="378"/>
      <c r="R62" s="378"/>
      <c r="S62" s="378"/>
      <c r="T62" s="378"/>
      <c r="U62" s="378"/>
      <c r="V62" s="378"/>
      <c r="W62" s="378"/>
      <c r="X62" s="378"/>
      <c r="Y62" s="378"/>
      <c r="Z62" s="379"/>
      <c r="AA62" s="380"/>
      <c r="AB62" s="820"/>
      <c r="AC62" s="820"/>
      <c r="AD62" s="820"/>
      <c r="AE62" s="820"/>
      <c r="AF62" s="820"/>
      <c r="AG62" s="820"/>
      <c r="AH62" s="820"/>
      <c r="AI62" s="820"/>
      <c r="AJ62" s="820"/>
      <c r="AK62" s="820"/>
      <c r="AL62" s="820"/>
      <c r="AM62" s="820"/>
      <c r="AN62" s="820"/>
      <c r="AO62" s="820"/>
      <c r="AP62" s="820"/>
      <c r="AQ62" s="820"/>
      <c r="AR62" s="820"/>
      <c r="AS62" s="821"/>
      <c r="AT62" s="221"/>
      <c r="AU62" s="222"/>
      <c r="AV62" s="1"/>
      <c r="AW62" s="1"/>
      <c r="AX62" s="2"/>
      <c r="AY62" s="2"/>
      <c r="AZ62" s="2"/>
    </row>
    <row r="63" spans="2:52" ht="38.25" customHeight="1" x14ac:dyDescent="0.2">
      <c r="B63" s="604"/>
      <c r="C63" s="605"/>
      <c r="D63" s="785" t="s">
        <v>196</v>
      </c>
      <c r="E63" s="607" t="s">
        <v>135</v>
      </c>
      <c r="F63" s="608"/>
      <c r="G63" s="608"/>
      <c r="H63" s="608"/>
      <c r="I63" s="608"/>
      <c r="J63" s="608"/>
      <c r="K63" s="608"/>
      <c r="L63" s="608"/>
      <c r="M63" s="608"/>
      <c r="N63" s="608"/>
      <c r="O63" s="608"/>
      <c r="P63" s="608"/>
      <c r="Q63" s="608"/>
      <c r="R63" s="608"/>
      <c r="S63" s="608"/>
      <c r="T63" s="608"/>
      <c r="U63" s="608"/>
      <c r="V63" s="609"/>
      <c r="W63" s="610" t="s">
        <v>51</v>
      </c>
      <c r="X63" s="610"/>
      <c r="Y63" s="610"/>
      <c r="Z63" s="611"/>
      <c r="AA63" s="612" t="s">
        <v>232</v>
      </c>
      <c r="AB63" s="613"/>
      <c r="AC63" s="613"/>
      <c r="AD63" s="613"/>
      <c r="AE63" s="613"/>
      <c r="AF63" s="613"/>
      <c r="AG63" s="613"/>
      <c r="AH63" s="613"/>
      <c r="AI63" s="613"/>
      <c r="AJ63" s="613"/>
      <c r="AK63" s="613"/>
      <c r="AL63" s="613"/>
      <c r="AM63" s="613"/>
      <c r="AN63" s="613"/>
      <c r="AO63" s="614"/>
      <c r="AP63" s="615" t="s">
        <v>51</v>
      </c>
      <c r="AQ63" s="615"/>
      <c r="AR63" s="615"/>
      <c r="AS63" s="616"/>
      <c r="AT63" s="605"/>
      <c r="AU63" s="604"/>
      <c r="AV63" s="1"/>
      <c r="AW63" s="5"/>
      <c r="AX63" s="6"/>
      <c r="AY63" s="6"/>
      <c r="AZ63" s="6"/>
    </row>
    <row r="64" spans="2:52" ht="38.25" customHeight="1" x14ac:dyDescent="0.2">
      <c r="B64" s="604"/>
      <c r="C64" s="605"/>
      <c r="D64" s="786"/>
      <c r="E64" s="551" t="s">
        <v>231</v>
      </c>
      <c r="F64" s="552"/>
      <c r="G64" s="552"/>
      <c r="H64" s="552"/>
      <c r="I64" s="552"/>
      <c r="J64" s="552"/>
      <c r="K64" s="552"/>
      <c r="L64" s="552"/>
      <c r="M64" s="552"/>
      <c r="N64" s="552"/>
      <c r="O64" s="552"/>
      <c r="P64" s="552"/>
      <c r="Q64" s="552"/>
      <c r="R64" s="552"/>
      <c r="S64" s="552"/>
      <c r="T64" s="552"/>
      <c r="U64" s="552"/>
      <c r="V64" s="553"/>
      <c r="W64" s="554" t="s">
        <v>51</v>
      </c>
      <c r="X64" s="554"/>
      <c r="Y64" s="554"/>
      <c r="Z64" s="555"/>
      <c r="AA64" s="556" t="s">
        <v>129</v>
      </c>
      <c r="AB64" s="557"/>
      <c r="AC64" s="557"/>
      <c r="AD64" s="557"/>
      <c r="AE64" s="557"/>
      <c r="AF64" s="557"/>
      <c r="AG64" s="557"/>
      <c r="AH64" s="557"/>
      <c r="AI64" s="557"/>
      <c r="AJ64" s="557"/>
      <c r="AK64" s="557"/>
      <c r="AL64" s="557"/>
      <c r="AM64" s="557"/>
      <c r="AN64" s="557"/>
      <c r="AO64" s="558"/>
      <c r="AP64" s="618" t="s">
        <v>51</v>
      </c>
      <c r="AQ64" s="618"/>
      <c r="AR64" s="618"/>
      <c r="AS64" s="619"/>
      <c r="AT64" s="605"/>
      <c r="AU64" s="604"/>
      <c r="AV64" s="1"/>
      <c r="AW64" s="5"/>
      <c r="AX64" s="6"/>
      <c r="AY64" s="6"/>
      <c r="AZ64" s="6"/>
    </row>
    <row r="65" spans="1:52" s="10" customFormat="1" ht="38.25" customHeight="1" x14ac:dyDescent="0.45">
      <c r="A65" s="11"/>
      <c r="B65" s="604"/>
      <c r="C65" s="605"/>
      <c r="D65" s="786"/>
      <c r="E65" s="381" t="s">
        <v>3</v>
      </c>
      <c r="F65" s="382"/>
      <c r="G65" s="383"/>
      <c r="H65" s="383"/>
      <c r="I65" s="788"/>
      <c r="J65" s="788"/>
      <c r="K65" s="788"/>
      <c r="L65" s="788"/>
      <c r="M65" s="788"/>
      <c r="N65" s="788"/>
      <c r="O65" s="788"/>
      <c r="P65" s="788"/>
      <c r="Q65" s="788"/>
      <c r="R65" s="788"/>
      <c r="S65" s="788"/>
      <c r="T65" s="788"/>
      <c r="U65" s="788"/>
      <c r="V65" s="788"/>
      <c r="W65" s="788"/>
      <c r="X65" s="788"/>
      <c r="Y65" s="788"/>
      <c r="Z65" s="789"/>
      <c r="AA65" s="790" t="s">
        <v>92</v>
      </c>
      <c r="AB65" s="791"/>
      <c r="AC65" s="791"/>
      <c r="AD65" s="791"/>
      <c r="AE65" s="792"/>
      <c r="AF65" s="796"/>
      <c r="AG65" s="797"/>
      <c r="AH65" s="797"/>
      <c r="AI65" s="797"/>
      <c r="AJ65" s="797"/>
      <c r="AK65" s="797"/>
      <c r="AL65" s="797"/>
      <c r="AM65" s="797"/>
      <c r="AN65" s="797"/>
      <c r="AO65" s="797"/>
      <c r="AP65" s="797"/>
      <c r="AQ65" s="797"/>
      <c r="AR65" s="797"/>
      <c r="AS65" s="798"/>
      <c r="AT65" s="605"/>
      <c r="AU65" s="604"/>
      <c r="AV65" s="7"/>
      <c r="AW65" s="8"/>
      <c r="AX65" s="9"/>
      <c r="AY65" s="9"/>
      <c r="AZ65" s="9"/>
    </row>
    <row r="66" spans="1:52" s="14" customFormat="1" ht="38.25" customHeight="1" x14ac:dyDescent="0.45">
      <c r="A66" s="11"/>
      <c r="B66" s="604"/>
      <c r="C66" s="605"/>
      <c r="D66" s="786"/>
      <c r="E66" s="384" t="s">
        <v>138</v>
      </c>
      <c r="F66" s="385"/>
      <c r="G66" s="327"/>
      <c r="H66" s="327"/>
      <c r="I66" s="327"/>
      <c r="J66" s="327"/>
      <c r="K66" s="327"/>
      <c r="L66" s="327"/>
      <c r="M66" s="327"/>
      <c r="N66" s="327"/>
      <c r="O66" s="327"/>
      <c r="P66" s="327"/>
      <c r="Q66" s="327"/>
      <c r="R66" s="327"/>
      <c r="S66" s="327"/>
      <c r="T66" s="327"/>
      <c r="U66" s="327"/>
      <c r="V66" s="327"/>
      <c r="W66" s="327"/>
      <c r="X66" s="327"/>
      <c r="Y66" s="327"/>
      <c r="Z66" s="327"/>
      <c r="AA66" s="622"/>
      <c r="AB66" s="623"/>
      <c r="AC66" s="623"/>
      <c r="AD66" s="623"/>
      <c r="AE66" s="624"/>
      <c r="AF66" s="799"/>
      <c r="AG66" s="800"/>
      <c r="AH66" s="800"/>
      <c r="AI66" s="800"/>
      <c r="AJ66" s="800"/>
      <c r="AK66" s="800"/>
      <c r="AL66" s="800"/>
      <c r="AM66" s="800"/>
      <c r="AN66" s="800"/>
      <c r="AO66" s="800"/>
      <c r="AP66" s="800"/>
      <c r="AQ66" s="800"/>
      <c r="AR66" s="800"/>
      <c r="AS66" s="801"/>
      <c r="AT66" s="605"/>
      <c r="AU66" s="604"/>
      <c r="AV66" s="11"/>
      <c r="AW66" s="12"/>
      <c r="AX66" s="13"/>
      <c r="AY66" s="13"/>
      <c r="AZ66" s="13"/>
    </row>
    <row r="67" spans="1:52" s="14" customFormat="1" ht="38.25" customHeight="1" thickBot="1" x14ac:dyDescent="0.5">
      <c r="A67" s="7"/>
      <c r="B67" s="604"/>
      <c r="C67" s="605"/>
      <c r="D67" s="787"/>
      <c r="E67" s="386"/>
      <c r="F67" s="805"/>
      <c r="G67" s="805"/>
      <c r="H67" s="805"/>
      <c r="I67" s="805"/>
      <c r="J67" s="805"/>
      <c r="K67" s="805"/>
      <c r="L67" s="805"/>
      <c r="M67" s="805"/>
      <c r="N67" s="805"/>
      <c r="O67" s="805"/>
      <c r="P67" s="805"/>
      <c r="Q67" s="805"/>
      <c r="R67" s="805"/>
      <c r="S67" s="805"/>
      <c r="T67" s="805"/>
      <c r="U67" s="805"/>
      <c r="V67" s="805"/>
      <c r="W67" s="805"/>
      <c r="X67" s="805"/>
      <c r="Y67" s="805"/>
      <c r="Z67" s="806"/>
      <c r="AA67" s="793"/>
      <c r="AB67" s="794"/>
      <c r="AC67" s="794"/>
      <c r="AD67" s="794"/>
      <c r="AE67" s="795"/>
      <c r="AF67" s="802"/>
      <c r="AG67" s="803"/>
      <c r="AH67" s="803"/>
      <c r="AI67" s="803"/>
      <c r="AJ67" s="803"/>
      <c r="AK67" s="803"/>
      <c r="AL67" s="803"/>
      <c r="AM67" s="803"/>
      <c r="AN67" s="803"/>
      <c r="AO67" s="803"/>
      <c r="AP67" s="803"/>
      <c r="AQ67" s="803"/>
      <c r="AR67" s="803"/>
      <c r="AS67" s="804"/>
      <c r="AT67" s="605"/>
      <c r="AU67" s="604"/>
      <c r="AV67" s="11"/>
      <c r="AW67" s="12"/>
      <c r="AX67" s="13"/>
      <c r="AY67" s="13"/>
      <c r="AZ67" s="13"/>
    </row>
    <row r="68" spans="1:52" s="10" customFormat="1" ht="22.5" customHeight="1" x14ac:dyDescent="0.45">
      <c r="A68" s="7"/>
      <c r="B68" s="604"/>
      <c r="C68" s="605"/>
      <c r="D68" s="807" t="s">
        <v>197</v>
      </c>
      <c r="E68" s="770" t="s">
        <v>51</v>
      </c>
      <c r="F68" s="770"/>
      <c r="G68" s="327" t="s">
        <v>83</v>
      </c>
      <c r="H68" s="365"/>
      <c r="I68" s="327"/>
      <c r="J68" s="327"/>
      <c r="K68" s="327"/>
      <c r="L68" s="327"/>
      <c r="M68" s="327"/>
      <c r="N68" s="327"/>
      <c r="O68" s="327"/>
      <c r="P68" s="327"/>
      <c r="Q68" s="327"/>
      <c r="R68" s="327"/>
      <c r="S68" s="327"/>
      <c r="T68" s="327"/>
      <c r="U68" s="327"/>
      <c r="V68" s="327"/>
      <c r="W68" s="327"/>
      <c r="X68" s="327"/>
      <c r="Y68" s="327"/>
      <c r="Z68" s="770" t="s">
        <v>51</v>
      </c>
      <c r="AA68" s="770"/>
      <c r="AB68" s="327"/>
      <c r="AC68" s="327"/>
      <c r="AD68" s="327"/>
      <c r="AE68" s="327"/>
      <c r="AF68" s="327"/>
      <c r="AG68" s="327"/>
      <c r="AH68" s="327"/>
      <c r="AI68" s="327"/>
      <c r="AJ68" s="327"/>
      <c r="AK68" s="327"/>
      <c r="AL68" s="327"/>
      <c r="AM68" s="327"/>
      <c r="AN68" s="327"/>
      <c r="AO68" s="327"/>
      <c r="AP68" s="327"/>
      <c r="AQ68" s="327"/>
      <c r="AR68" s="327"/>
      <c r="AS68" s="374"/>
      <c r="AT68" s="605"/>
      <c r="AU68" s="604"/>
      <c r="AV68" s="7"/>
      <c r="AW68" s="15"/>
      <c r="AX68" s="15"/>
      <c r="AY68" s="15"/>
      <c r="AZ68" s="15"/>
    </row>
    <row r="69" spans="1:52" s="10" customFormat="1" ht="22.5" customHeight="1" x14ac:dyDescent="0.45">
      <c r="A69" s="7"/>
      <c r="B69" s="604"/>
      <c r="C69" s="605"/>
      <c r="D69" s="808"/>
      <c r="E69" s="770" t="s">
        <v>46</v>
      </c>
      <c r="F69" s="770"/>
      <c r="G69" s="327" t="s">
        <v>139</v>
      </c>
      <c r="H69" s="365"/>
      <c r="I69" s="327"/>
      <c r="J69" s="327"/>
      <c r="K69" s="327"/>
      <c r="L69" s="327"/>
      <c r="M69" s="327"/>
      <c r="N69" s="327"/>
      <c r="O69" s="327"/>
      <c r="P69" s="327"/>
      <c r="Q69" s="327"/>
      <c r="R69" s="327"/>
      <c r="S69" s="327"/>
      <c r="T69" s="327"/>
      <c r="U69" s="327"/>
      <c r="V69" s="327"/>
      <c r="W69" s="327"/>
      <c r="X69" s="327"/>
      <c r="Y69" s="327"/>
      <c r="Z69" s="770" t="s">
        <v>51</v>
      </c>
      <c r="AA69" s="770"/>
      <c r="AB69" s="327"/>
      <c r="AC69" s="327"/>
      <c r="AD69" s="327"/>
      <c r="AE69" s="327"/>
      <c r="AF69" s="327"/>
      <c r="AG69" s="327"/>
      <c r="AH69" s="327"/>
      <c r="AI69" s="327"/>
      <c r="AJ69" s="327"/>
      <c r="AK69" s="327"/>
      <c r="AL69" s="327"/>
      <c r="AM69" s="327"/>
      <c r="AN69" s="327"/>
      <c r="AO69" s="327"/>
      <c r="AP69" s="327"/>
      <c r="AQ69" s="327"/>
      <c r="AR69" s="327"/>
      <c r="AS69" s="374"/>
      <c r="AT69" s="605"/>
      <c r="AU69" s="604"/>
      <c r="AV69" s="7"/>
      <c r="AW69" s="15"/>
      <c r="AX69" s="15"/>
      <c r="AY69" s="15"/>
      <c r="AZ69" s="15"/>
    </row>
    <row r="70" spans="1:52" s="10" customFormat="1" ht="22.5" customHeight="1" x14ac:dyDescent="0.45">
      <c r="A70" s="7"/>
      <c r="B70" s="604"/>
      <c r="C70" s="605"/>
      <c r="D70" s="808"/>
      <c r="E70" s="770" t="s">
        <v>51</v>
      </c>
      <c r="F70" s="770"/>
      <c r="G70" s="347"/>
      <c r="H70" s="347"/>
      <c r="I70" s="347"/>
      <c r="J70" s="347"/>
      <c r="K70" s="347"/>
      <c r="L70" s="347"/>
      <c r="M70" s="347"/>
      <c r="N70" s="347"/>
      <c r="O70" s="347"/>
      <c r="P70" s="347"/>
      <c r="Q70" s="347"/>
      <c r="R70" s="347"/>
      <c r="S70" s="347"/>
      <c r="T70" s="347"/>
      <c r="U70" s="347"/>
      <c r="V70" s="347"/>
      <c r="W70" s="347"/>
      <c r="X70" s="347"/>
      <c r="Y70" s="347"/>
      <c r="Z70" s="770" t="s">
        <v>51</v>
      </c>
      <c r="AA70" s="770"/>
      <c r="AB70" s="347"/>
      <c r="AC70" s="347"/>
      <c r="AD70" s="347"/>
      <c r="AE70" s="347"/>
      <c r="AF70" s="347"/>
      <c r="AG70" s="347"/>
      <c r="AH70" s="347"/>
      <c r="AI70" s="347"/>
      <c r="AJ70" s="347"/>
      <c r="AK70" s="347"/>
      <c r="AL70" s="347"/>
      <c r="AM70" s="347"/>
      <c r="AN70" s="347"/>
      <c r="AO70" s="347"/>
      <c r="AP70" s="347"/>
      <c r="AQ70" s="347"/>
      <c r="AR70" s="347"/>
      <c r="AS70" s="387"/>
      <c r="AT70" s="605"/>
      <c r="AU70" s="604"/>
      <c r="AV70" s="7"/>
      <c r="AW70" s="15"/>
      <c r="AX70" s="15"/>
      <c r="AY70" s="15"/>
      <c r="AZ70" s="15"/>
    </row>
    <row r="71" spans="1:52" s="10" customFormat="1" ht="22.5" customHeight="1" thickBot="1" x14ac:dyDescent="0.5">
      <c r="A71" s="7"/>
      <c r="B71" s="604"/>
      <c r="C71" s="605"/>
      <c r="D71" s="809"/>
      <c r="E71" s="770" t="s">
        <v>51</v>
      </c>
      <c r="F71" s="770"/>
      <c r="G71" s="347"/>
      <c r="H71" s="347"/>
      <c r="I71" s="347"/>
      <c r="J71" s="347"/>
      <c r="K71" s="347"/>
      <c r="L71" s="347"/>
      <c r="M71" s="347"/>
      <c r="N71" s="347"/>
      <c r="O71" s="347"/>
      <c r="P71" s="347"/>
      <c r="Q71" s="347"/>
      <c r="R71" s="347"/>
      <c r="S71" s="347"/>
      <c r="T71" s="347"/>
      <c r="U71" s="347"/>
      <c r="V71" s="347"/>
      <c r="W71" s="347"/>
      <c r="X71" s="347"/>
      <c r="Y71" s="347"/>
      <c r="Z71" s="770" t="s">
        <v>51</v>
      </c>
      <c r="AA71" s="770"/>
      <c r="AB71" s="347"/>
      <c r="AC71" s="347"/>
      <c r="AD71" s="347"/>
      <c r="AE71" s="347"/>
      <c r="AF71" s="347"/>
      <c r="AG71" s="347"/>
      <c r="AH71" s="347"/>
      <c r="AI71" s="347"/>
      <c r="AJ71" s="347"/>
      <c r="AK71" s="347"/>
      <c r="AL71" s="347"/>
      <c r="AM71" s="347"/>
      <c r="AN71" s="347"/>
      <c r="AO71" s="347"/>
      <c r="AP71" s="347"/>
      <c r="AQ71" s="347"/>
      <c r="AR71" s="347"/>
      <c r="AS71" s="388"/>
      <c r="AT71" s="605"/>
      <c r="AU71" s="604"/>
      <c r="AV71" s="7"/>
      <c r="AW71" s="15"/>
      <c r="AX71" s="15"/>
      <c r="AY71" s="15"/>
      <c r="AZ71" s="15"/>
    </row>
    <row r="72" spans="1:52" s="4" customFormat="1" ht="22.5" customHeight="1" thickTop="1" x14ac:dyDescent="0.2">
      <c r="A72" s="18"/>
      <c r="B72" s="604"/>
      <c r="C72" s="605"/>
      <c r="D72" s="595" t="s">
        <v>30</v>
      </c>
      <c r="E72" s="779" t="s">
        <v>221</v>
      </c>
      <c r="F72" s="780"/>
      <c r="G72" s="780"/>
      <c r="H72" s="780"/>
      <c r="I72" s="780"/>
      <c r="J72" s="780"/>
      <c r="K72" s="780"/>
      <c r="L72" s="780"/>
      <c r="M72" s="780"/>
      <c r="N72" s="780"/>
      <c r="O72" s="781" t="s">
        <v>86</v>
      </c>
      <c r="P72" s="782"/>
      <c r="Q72" s="782"/>
      <c r="R72" s="782"/>
      <c r="S72" s="782"/>
      <c r="T72" s="782"/>
      <c r="U72" s="782"/>
      <c r="V72" s="782"/>
      <c r="W72" s="782"/>
      <c r="X72" s="782"/>
      <c r="Y72" s="782"/>
      <c r="Z72" s="782"/>
      <c r="AA72" s="782"/>
      <c r="AB72" s="782"/>
      <c r="AC72" s="782"/>
      <c r="AD72" s="782"/>
      <c r="AE72" s="783"/>
      <c r="AF72" s="781" t="s">
        <v>32</v>
      </c>
      <c r="AG72" s="782"/>
      <c r="AH72" s="782"/>
      <c r="AI72" s="782"/>
      <c r="AJ72" s="782"/>
      <c r="AK72" s="782"/>
      <c r="AL72" s="782"/>
      <c r="AM72" s="782"/>
      <c r="AN72" s="782"/>
      <c r="AO72" s="782"/>
      <c r="AP72" s="782"/>
      <c r="AQ72" s="782"/>
      <c r="AR72" s="782"/>
      <c r="AS72" s="784"/>
      <c r="AT72" s="605"/>
      <c r="AU72" s="604"/>
      <c r="AV72" s="3"/>
      <c r="AW72" s="16"/>
      <c r="AX72" s="17"/>
      <c r="AY72" s="17"/>
      <c r="AZ72" s="17"/>
    </row>
    <row r="73" spans="1:52" s="21" customFormat="1" ht="22.5" customHeight="1" x14ac:dyDescent="0.2">
      <c r="A73" s="3"/>
      <c r="B73" s="604"/>
      <c r="C73" s="605"/>
      <c r="D73" s="596"/>
      <c r="E73" s="602">
        <v>1</v>
      </c>
      <c r="F73" s="575"/>
      <c r="G73" s="576"/>
      <c r="H73" s="576"/>
      <c r="I73" s="576"/>
      <c r="J73" s="576"/>
      <c r="K73" s="576"/>
      <c r="L73" s="576"/>
      <c r="M73" s="576"/>
      <c r="N73" s="577"/>
      <c r="O73" s="578"/>
      <c r="P73" s="578"/>
      <c r="Q73" s="578"/>
      <c r="R73" s="578"/>
      <c r="S73" s="578"/>
      <c r="T73" s="578"/>
      <c r="U73" s="578"/>
      <c r="V73" s="578"/>
      <c r="W73" s="578"/>
      <c r="X73" s="578"/>
      <c r="Y73" s="578"/>
      <c r="Z73" s="578"/>
      <c r="AA73" s="578"/>
      <c r="AB73" s="578"/>
      <c r="AC73" s="578"/>
      <c r="AD73" s="578"/>
      <c r="AE73" s="578"/>
      <c r="AF73" s="559"/>
      <c r="AG73" s="560"/>
      <c r="AH73" s="560"/>
      <c r="AI73" s="560"/>
      <c r="AJ73" s="560"/>
      <c r="AK73" s="560"/>
      <c r="AL73" s="560"/>
      <c r="AM73" s="560"/>
      <c r="AN73" s="560"/>
      <c r="AO73" s="560"/>
      <c r="AP73" s="560"/>
      <c r="AQ73" s="560"/>
      <c r="AR73" s="560"/>
      <c r="AS73" s="561"/>
      <c r="AT73" s="605"/>
      <c r="AU73" s="604"/>
      <c r="AV73" s="18"/>
      <c r="AW73" s="19"/>
      <c r="AX73" s="20"/>
      <c r="AY73" s="20"/>
      <c r="AZ73" s="20"/>
    </row>
    <row r="74" spans="1:52" s="4" customFormat="1" ht="22.5" customHeight="1" x14ac:dyDescent="0.2">
      <c r="A74" s="3"/>
      <c r="B74" s="604"/>
      <c r="C74" s="605"/>
      <c r="D74" s="596"/>
      <c r="E74" s="603"/>
      <c r="F74" s="565" t="s">
        <v>87</v>
      </c>
      <c r="G74" s="566"/>
      <c r="H74" s="566"/>
      <c r="I74" s="566"/>
      <c r="J74" s="566"/>
      <c r="K74" s="566"/>
      <c r="L74" s="566"/>
      <c r="M74" s="566"/>
      <c r="N74" s="567"/>
      <c r="O74" s="578"/>
      <c r="P74" s="578"/>
      <c r="Q74" s="578"/>
      <c r="R74" s="578"/>
      <c r="S74" s="578"/>
      <c r="T74" s="578"/>
      <c r="U74" s="578"/>
      <c r="V74" s="578"/>
      <c r="W74" s="578"/>
      <c r="X74" s="578"/>
      <c r="Y74" s="578"/>
      <c r="Z74" s="578"/>
      <c r="AA74" s="578"/>
      <c r="AB74" s="578"/>
      <c r="AC74" s="578"/>
      <c r="AD74" s="578"/>
      <c r="AE74" s="578"/>
      <c r="AF74" s="562"/>
      <c r="AG74" s="563"/>
      <c r="AH74" s="563"/>
      <c r="AI74" s="563"/>
      <c r="AJ74" s="563"/>
      <c r="AK74" s="563"/>
      <c r="AL74" s="563"/>
      <c r="AM74" s="563"/>
      <c r="AN74" s="563"/>
      <c r="AO74" s="563"/>
      <c r="AP74" s="563"/>
      <c r="AQ74" s="563"/>
      <c r="AR74" s="563"/>
      <c r="AS74" s="564"/>
      <c r="AT74" s="605"/>
      <c r="AU74" s="604"/>
      <c r="AV74" s="3"/>
      <c r="AW74" s="16"/>
      <c r="AX74" s="17"/>
      <c r="AY74" s="17"/>
      <c r="AZ74" s="17"/>
    </row>
    <row r="75" spans="1:52" s="4" customFormat="1" ht="22.5" customHeight="1" x14ac:dyDescent="0.2">
      <c r="A75" s="18"/>
      <c r="B75" s="604"/>
      <c r="C75" s="605"/>
      <c r="D75" s="596"/>
      <c r="E75" s="636">
        <v>2</v>
      </c>
      <c r="F75" s="575"/>
      <c r="G75" s="576"/>
      <c r="H75" s="576"/>
      <c r="I75" s="576"/>
      <c r="J75" s="576"/>
      <c r="K75" s="576"/>
      <c r="L75" s="576"/>
      <c r="M75" s="576"/>
      <c r="N75" s="577"/>
      <c r="O75" s="578"/>
      <c r="P75" s="578"/>
      <c r="Q75" s="578"/>
      <c r="R75" s="578"/>
      <c r="S75" s="578"/>
      <c r="T75" s="578"/>
      <c r="U75" s="578"/>
      <c r="V75" s="578"/>
      <c r="W75" s="578"/>
      <c r="X75" s="578"/>
      <c r="Y75" s="578"/>
      <c r="Z75" s="578"/>
      <c r="AA75" s="578"/>
      <c r="AB75" s="578"/>
      <c r="AC75" s="578"/>
      <c r="AD75" s="578"/>
      <c r="AE75" s="578"/>
      <c r="AF75" s="559"/>
      <c r="AG75" s="560"/>
      <c r="AH75" s="560"/>
      <c r="AI75" s="560"/>
      <c r="AJ75" s="560"/>
      <c r="AK75" s="560"/>
      <c r="AL75" s="560"/>
      <c r="AM75" s="560"/>
      <c r="AN75" s="560"/>
      <c r="AO75" s="560"/>
      <c r="AP75" s="560"/>
      <c r="AQ75" s="560"/>
      <c r="AR75" s="560"/>
      <c r="AS75" s="561"/>
      <c r="AT75" s="605"/>
      <c r="AU75" s="604"/>
      <c r="AV75" s="3"/>
      <c r="AW75" s="16"/>
      <c r="AX75" s="17"/>
      <c r="AY75" s="17"/>
      <c r="AZ75" s="17"/>
    </row>
    <row r="76" spans="1:52" s="21" customFormat="1" ht="22.5" customHeight="1" x14ac:dyDescent="0.2">
      <c r="A76" s="3"/>
      <c r="B76" s="604"/>
      <c r="C76" s="605"/>
      <c r="D76" s="596"/>
      <c r="E76" s="637"/>
      <c r="F76" s="565" t="s">
        <v>87</v>
      </c>
      <c r="G76" s="566"/>
      <c r="H76" s="566"/>
      <c r="I76" s="566"/>
      <c r="J76" s="566"/>
      <c r="K76" s="566"/>
      <c r="L76" s="566"/>
      <c r="M76" s="566"/>
      <c r="N76" s="567"/>
      <c r="O76" s="578"/>
      <c r="P76" s="578"/>
      <c r="Q76" s="578"/>
      <c r="R76" s="578"/>
      <c r="S76" s="578"/>
      <c r="T76" s="578"/>
      <c r="U76" s="578"/>
      <c r="V76" s="578"/>
      <c r="W76" s="578"/>
      <c r="X76" s="578"/>
      <c r="Y76" s="578"/>
      <c r="Z76" s="578"/>
      <c r="AA76" s="578"/>
      <c r="AB76" s="578"/>
      <c r="AC76" s="578"/>
      <c r="AD76" s="578"/>
      <c r="AE76" s="578"/>
      <c r="AF76" s="562"/>
      <c r="AG76" s="563"/>
      <c r="AH76" s="563"/>
      <c r="AI76" s="563"/>
      <c r="AJ76" s="563"/>
      <c r="AK76" s="563"/>
      <c r="AL76" s="563"/>
      <c r="AM76" s="563"/>
      <c r="AN76" s="563"/>
      <c r="AO76" s="563"/>
      <c r="AP76" s="563"/>
      <c r="AQ76" s="563"/>
      <c r="AR76" s="563"/>
      <c r="AS76" s="564"/>
      <c r="AT76" s="605"/>
      <c r="AU76" s="604"/>
      <c r="AV76" s="18"/>
      <c r="AW76" s="19"/>
      <c r="AX76" s="20"/>
      <c r="AY76" s="20"/>
      <c r="AZ76" s="20"/>
    </row>
    <row r="77" spans="1:52" s="4" customFormat="1" ht="22.5" customHeight="1" x14ac:dyDescent="0.2">
      <c r="A77" s="3"/>
      <c r="B77" s="604"/>
      <c r="C77" s="605"/>
      <c r="D77" s="596"/>
      <c r="E77" s="574">
        <v>3</v>
      </c>
      <c r="F77" s="575"/>
      <c r="G77" s="576"/>
      <c r="H77" s="576"/>
      <c r="I77" s="576"/>
      <c r="J77" s="576"/>
      <c r="K77" s="576"/>
      <c r="L77" s="576"/>
      <c r="M77" s="576"/>
      <c r="N77" s="577"/>
      <c r="O77" s="578"/>
      <c r="P77" s="578"/>
      <c r="Q77" s="578"/>
      <c r="R77" s="578"/>
      <c r="S77" s="578"/>
      <c r="T77" s="578"/>
      <c r="U77" s="578"/>
      <c r="V77" s="578"/>
      <c r="W77" s="578"/>
      <c r="X77" s="578"/>
      <c r="Y77" s="578"/>
      <c r="Z77" s="578"/>
      <c r="AA77" s="578"/>
      <c r="AB77" s="578"/>
      <c r="AC77" s="578"/>
      <c r="AD77" s="578"/>
      <c r="AE77" s="578"/>
      <c r="AF77" s="559"/>
      <c r="AG77" s="560"/>
      <c r="AH77" s="560"/>
      <c r="AI77" s="560"/>
      <c r="AJ77" s="560"/>
      <c r="AK77" s="560"/>
      <c r="AL77" s="560"/>
      <c r="AM77" s="560"/>
      <c r="AN77" s="560"/>
      <c r="AO77" s="560"/>
      <c r="AP77" s="560"/>
      <c r="AQ77" s="560"/>
      <c r="AR77" s="560"/>
      <c r="AS77" s="561"/>
      <c r="AT77" s="605"/>
      <c r="AU77" s="604"/>
      <c r="AV77" s="3"/>
      <c r="AW77" s="16"/>
      <c r="AX77" s="17"/>
      <c r="AY77" s="17"/>
      <c r="AZ77" s="17"/>
    </row>
    <row r="78" spans="1:52" s="4" customFormat="1" ht="22.5" customHeight="1" x14ac:dyDescent="0.2">
      <c r="A78" s="18"/>
      <c r="B78" s="604"/>
      <c r="C78" s="605"/>
      <c r="D78" s="596"/>
      <c r="E78" s="574"/>
      <c r="F78" s="565" t="s">
        <v>87</v>
      </c>
      <c r="G78" s="566"/>
      <c r="H78" s="566"/>
      <c r="I78" s="566"/>
      <c r="J78" s="566"/>
      <c r="K78" s="566"/>
      <c r="L78" s="566"/>
      <c r="M78" s="566"/>
      <c r="N78" s="567"/>
      <c r="O78" s="578"/>
      <c r="P78" s="578"/>
      <c r="Q78" s="578"/>
      <c r="R78" s="578"/>
      <c r="S78" s="578"/>
      <c r="T78" s="578"/>
      <c r="U78" s="578"/>
      <c r="V78" s="578"/>
      <c r="W78" s="578"/>
      <c r="X78" s="578"/>
      <c r="Y78" s="578"/>
      <c r="Z78" s="578"/>
      <c r="AA78" s="578"/>
      <c r="AB78" s="578"/>
      <c r="AC78" s="578"/>
      <c r="AD78" s="578"/>
      <c r="AE78" s="578"/>
      <c r="AF78" s="562"/>
      <c r="AG78" s="563"/>
      <c r="AH78" s="563"/>
      <c r="AI78" s="563"/>
      <c r="AJ78" s="563"/>
      <c r="AK78" s="563"/>
      <c r="AL78" s="563"/>
      <c r="AM78" s="563"/>
      <c r="AN78" s="563"/>
      <c r="AO78" s="563"/>
      <c r="AP78" s="563"/>
      <c r="AQ78" s="563"/>
      <c r="AR78" s="563"/>
      <c r="AS78" s="564"/>
      <c r="AT78" s="605"/>
      <c r="AU78" s="604"/>
      <c r="AV78" s="3"/>
      <c r="AW78" s="16"/>
      <c r="AX78" s="17"/>
      <c r="AY78" s="17"/>
      <c r="AZ78" s="17"/>
    </row>
    <row r="79" spans="1:52" s="21" customFormat="1" ht="22.5" customHeight="1" x14ac:dyDescent="0.45">
      <c r="A79" s="18"/>
      <c r="B79" s="604"/>
      <c r="C79" s="605"/>
      <c r="D79" s="596"/>
      <c r="E79" s="574">
        <v>4</v>
      </c>
      <c r="F79" s="575"/>
      <c r="G79" s="576"/>
      <c r="H79" s="576"/>
      <c r="I79" s="576"/>
      <c r="J79" s="576"/>
      <c r="K79" s="576"/>
      <c r="L79" s="576"/>
      <c r="M79" s="576"/>
      <c r="N79" s="577"/>
      <c r="O79" s="578"/>
      <c r="P79" s="578"/>
      <c r="Q79" s="578"/>
      <c r="R79" s="578"/>
      <c r="S79" s="578"/>
      <c r="T79" s="578"/>
      <c r="U79" s="578"/>
      <c r="V79" s="578"/>
      <c r="W79" s="578"/>
      <c r="X79" s="578"/>
      <c r="Y79" s="578"/>
      <c r="Z79" s="578"/>
      <c r="AA79" s="578"/>
      <c r="AB79" s="578"/>
      <c r="AC79" s="578"/>
      <c r="AD79" s="578"/>
      <c r="AE79" s="578"/>
      <c r="AF79" s="559"/>
      <c r="AG79" s="560"/>
      <c r="AH79" s="560"/>
      <c r="AI79" s="560"/>
      <c r="AJ79" s="560"/>
      <c r="AK79" s="560"/>
      <c r="AL79" s="560"/>
      <c r="AM79" s="560"/>
      <c r="AN79" s="560"/>
      <c r="AO79" s="560"/>
      <c r="AP79" s="560"/>
      <c r="AQ79" s="560"/>
      <c r="AR79" s="560"/>
      <c r="AS79" s="561"/>
      <c r="AT79" s="605"/>
      <c r="AU79" s="604"/>
      <c r="AV79" s="18"/>
      <c r="AW79" s="19"/>
      <c r="AX79" s="20"/>
      <c r="AY79" s="20"/>
      <c r="AZ79" s="20"/>
    </row>
    <row r="80" spans="1:52" s="21" customFormat="1" ht="22.5" customHeight="1" thickBot="1" x14ac:dyDescent="0.5">
      <c r="A80" s="18"/>
      <c r="B80" s="604"/>
      <c r="C80" s="605"/>
      <c r="D80" s="596"/>
      <c r="E80" s="574"/>
      <c r="F80" s="565" t="s">
        <v>87</v>
      </c>
      <c r="G80" s="566"/>
      <c r="H80" s="566"/>
      <c r="I80" s="566"/>
      <c r="J80" s="566"/>
      <c r="K80" s="566"/>
      <c r="L80" s="566"/>
      <c r="M80" s="566"/>
      <c r="N80" s="567"/>
      <c r="O80" s="578"/>
      <c r="P80" s="578"/>
      <c r="Q80" s="578"/>
      <c r="R80" s="578"/>
      <c r="S80" s="578"/>
      <c r="T80" s="578"/>
      <c r="U80" s="578"/>
      <c r="V80" s="578"/>
      <c r="W80" s="578"/>
      <c r="X80" s="578"/>
      <c r="Y80" s="578"/>
      <c r="Z80" s="578"/>
      <c r="AA80" s="578"/>
      <c r="AB80" s="578"/>
      <c r="AC80" s="578"/>
      <c r="AD80" s="578"/>
      <c r="AE80" s="578"/>
      <c r="AF80" s="562"/>
      <c r="AG80" s="563"/>
      <c r="AH80" s="563"/>
      <c r="AI80" s="563"/>
      <c r="AJ80" s="563"/>
      <c r="AK80" s="563"/>
      <c r="AL80" s="563"/>
      <c r="AM80" s="563"/>
      <c r="AN80" s="563"/>
      <c r="AO80" s="563"/>
      <c r="AP80" s="563"/>
      <c r="AQ80" s="563"/>
      <c r="AR80" s="563"/>
      <c r="AS80" s="564"/>
      <c r="AT80" s="605"/>
      <c r="AU80" s="604"/>
      <c r="AV80" s="18"/>
      <c r="AW80" s="19"/>
      <c r="AX80" s="20"/>
      <c r="AY80" s="20"/>
      <c r="AZ80" s="20"/>
    </row>
    <row r="81" spans="1:52" s="21" customFormat="1" ht="22.5" customHeight="1" x14ac:dyDescent="0.2">
      <c r="A81" s="1"/>
      <c r="B81" s="604"/>
      <c r="C81" s="605"/>
      <c r="D81" s="582" t="s">
        <v>32</v>
      </c>
      <c r="E81" s="586"/>
      <c r="F81" s="771"/>
      <c r="G81" s="771"/>
      <c r="H81" s="771"/>
      <c r="I81" s="771"/>
      <c r="J81" s="771"/>
      <c r="K81" s="771"/>
      <c r="L81" s="771"/>
      <c r="M81" s="771"/>
      <c r="N81" s="771"/>
      <c r="O81" s="771"/>
      <c r="P81" s="771"/>
      <c r="Q81" s="771"/>
      <c r="R81" s="771"/>
      <c r="S81" s="771"/>
      <c r="T81" s="771"/>
      <c r="U81" s="771"/>
      <c r="V81" s="771"/>
      <c r="W81" s="771"/>
      <c r="X81" s="771"/>
      <c r="Y81" s="771"/>
      <c r="Z81" s="771"/>
      <c r="AA81" s="771"/>
      <c r="AB81" s="771"/>
      <c r="AC81" s="771"/>
      <c r="AD81" s="771"/>
      <c r="AE81" s="771"/>
      <c r="AF81" s="771"/>
      <c r="AG81" s="771"/>
      <c r="AH81" s="771"/>
      <c r="AI81" s="771"/>
      <c r="AJ81" s="771"/>
      <c r="AK81" s="771"/>
      <c r="AL81" s="771"/>
      <c r="AM81" s="771"/>
      <c r="AN81" s="771"/>
      <c r="AO81" s="771"/>
      <c r="AP81" s="771"/>
      <c r="AQ81" s="771"/>
      <c r="AR81" s="771"/>
      <c r="AS81" s="772"/>
      <c r="AT81" s="605"/>
      <c r="AU81" s="604"/>
      <c r="AV81" s="18"/>
      <c r="AW81" s="19"/>
      <c r="AX81" s="20"/>
      <c r="AY81" s="20"/>
      <c r="AZ81" s="20"/>
    </row>
    <row r="82" spans="1:52" s="21" customFormat="1" ht="22.5" customHeight="1" x14ac:dyDescent="0.2">
      <c r="A82" s="1"/>
      <c r="B82" s="604"/>
      <c r="C82" s="605"/>
      <c r="D82" s="583"/>
      <c r="E82" s="773"/>
      <c r="F82" s="774"/>
      <c r="G82" s="774"/>
      <c r="H82" s="774"/>
      <c r="I82" s="774"/>
      <c r="J82" s="774"/>
      <c r="K82" s="774"/>
      <c r="L82" s="774"/>
      <c r="M82" s="774"/>
      <c r="N82" s="774"/>
      <c r="O82" s="774"/>
      <c r="P82" s="774"/>
      <c r="Q82" s="774"/>
      <c r="R82" s="774"/>
      <c r="S82" s="774"/>
      <c r="T82" s="774"/>
      <c r="U82" s="774"/>
      <c r="V82" s="774"/>
      <c r="W82" s="774"/>
      <c r="X82" s="774"/>
      <c r="Y82" s="774"/>
      <c r="Z82" s="774"/>
      <c r="AA82" s="774"/>
      <c r="AB82" s="774"/>
      <c r="AC82" s="774"/>
      <c r="AD82" s="774"/>
      <c r="AE82" s="774"/>
      <c r="AF82" s="774"/>
      <c r="AG82" s="774"/>
      <c r="AH82" s="774"/>
      <c r="AI82" s="774"/>
      <c r="AJ82" s="774"/>
      <c r="AK82" s="774"/>
      <c r="AL82" s="774"/>
      <c r="AM82" s="774"/>
      <c r="AN82" s="774"/>
      <c r="AO82" s="774"/>
      <c r="AP82" s="774"/>
      <c r="AQ82" s="774"/>
      <c r="AR82" s="774"/>
      <c r="AS82" s="775"/>
      <c r="AT82" s="605"/>
      <c r="AU82" s="604"/>
      <c r="AV82" s="18"/>
      <c r="AW82" s="19"/>
      <c r="AX82" s="20"/>
      <c r="AY82" s="20"/>
      <c r="AZ82" s="20"/>
    </row>
    <row r="83" spans="1:52" s="21" customFormat="1" ht="22.5" customHeight="1" x14ac:dyDescent="0.2">
      <c r="A83" s="1"/>
      <c r="B83" s="604"/>
      <c r="C83" s="605"/>
      <c r="D83" s="583"/>
      <c r="E83" s="773"/>
      <c r="F83" s="774"/>
      <c r="G83" s="774"/>
      <c r="H83" s="774"/>
      <c r="I83" s="774"/>
      <c r="J83" s="774"/>
      <c r="K83" s="774"/>
      <c r="L83" s="774"/>
      <c r="M83" s="774"/>
      <c r="N83" s="774"/>
      <c r="O83" s="774"/>
      <c r="P83" s="774"/>
      <c r="Q83" s="774"/>
      <c r="R83" s="774"/>
      <c r="S83" s="774"/>
      <c r="T83" s="774"/>
      <c r="U83" s="774"/>
      <c r="V83" s="774"/>
      <c r="W83" s="774"/>
      <c r="X83" s="774"/>
      <c r="Y83" s="774"/>
      <c r="Z83" s="774"/>
      <c r="AA83" s="774"/>
      <c r="AB83" s="774"/>
      <c r="AC83" s="774"/>
      <c r="AD83" s="774"/>
      <c r="AE83" s="774"/>
      <c r="AF83" s="774"/>
      <c r="AG83" s="774"/>
      <c r="AH83" s="774"/>
      <c r="AI83" s="774"/>
      <c r="AJ83" s="774"/>
      <c r="AK83" s="774"/>
      <c r="AL83" s="774"/>
      <c r="AM83" s="774"/>
      <c r="AN83" s="774"/>
      <c r="AO83" s="774"/>
      <c r="AP83" s="774"/>
      <c r="AQ83" s="774"/>
      <c r="AR83" s="774"/>
      <c r="AS83" s="775"/>
      <c r="AT83" s="605"/>
      <c r="AU83" s="604"/>
      <c r="AV83" s="18"/>
      <c r="AW83" s="19"/>
      <c r="AX83" s="20"/>
      <c r="AY83" s="20"/>
      <c r="AZ83" s="20"/>
    </row>
    <row r="84" spans="1:52" s="21" customFormat="1" ht="22.5" customHeight="1" x14ac:dyDescent="0.2">
      <c r="A84" s="1"/>
      <c r="B84" s="604"/>
      <c r="C84" s="605"/>
      <c r="D84" s="583"/>
      <c r="E84" s="773"/>
      <c r="F84" s="774"/>
      <c r="G84" s="774"/>
      <c r="H84" s="774"/>
      <c r="I84" s="774"/>
      <c r="J84" s="774"/>
      <c r="K84" s="774"/>
      <c r="L84" s="774"/>
      <c r="M84" s="774"/>
      <c r="N84" s="774"/>
      <c r="O84" s="774"/>
      <c r="P84" s="774"/>
      <c r="Q84" s="774"/>
      <c r="R84" s="774"/>
      <c r="S84" s="774"/>
      <c r="T84" s="774"/>
      <c r="U84" s="774"/>
      <c r="V84" s="774"/>
      <c r="W84" s="774"/>
      <c r="X84" s="774"/>
      <c r="Y84" s="774"/>
      <c r="Z84" s="774"/>
      <c r="AA84" s="774"/>
      <c r="AB84" s="774"/>
      <c r="AC84" s="774"/>
      <c r="AD84" s="774"/>
      <c r="AE84" s="774"/>
      <c r="AF84" s="774"/>
      <c r="AG84" s="774"/>
      <c r="AH84" s="774"/>
      <c r="AI84" s="774"/>
      <c r="AJ84" s="774"/>
      <c r="AK84" s="774"/>
      <c r="AL84" s="774"/>
      <c r="AM84" s="774"/>
      <c r="AN84" s="774"/>
      <c r="AO84" s="774"/>
      <c r="AP84" s="774"/>
      <c r="AQ84" s="774"/>
      <c r="AR84" s="774"/>
      <c r="AS84" s="775"/>
      <c r="AT84" s="605"/>
      <c r="AU84" s="604"/>
      <c r="AV84" s="18"/>
      <c r="AW84" s="19"/>
      <c r="AX84" s="20"/>
      <c r="AY84" s="20"/>
      <c r="AZ84" s="20"/>
    </row>
    <row r="85" spans="1:52" ht="0.6" customHeight="1" x14ac:dyDescent="0.2">
      <c r="A85" s="1"/>
      <c r="B85" s="604"/>
      <c r="C85" s="605"/>
      <c r="D85" s="584"/>
      <c r="E85" s="773"/>
      <c r="F85" s="774"/>
      <c r="G85" s="774"/>
      <c r="H85" s="774"/>
      <c r="I85" s="774"/>
      <c r="J85" s="774"/>
      <c r="K85" s="774"/>
      <c r="L85" s="774"/>
      <c r="M85" s="774"/>
      <c r="N85" s="774"/>
      <c r="O85" s="774"/>
      <c r="P85" s="774"/>
      <c r="Q85" s="774"/>
      <c r="R85" s="774"/>
      <c r="S85" s="774"/>
      <c r="T85" s="774"/>
      <c r="U85" s="774"/>
      <c r="V85" s="774"/>
      <c r="W85" s="774"/>
      <c r="X85" s="774"/>
      <c r="Y85" s="774"/>
      <c r="Z85" s="774"/>
      <c r="AA85" s="774"/>
      <c r="AB85" s="774"/>
      <c r="AC85" s="774"/>
      <c r="AD85" s="774"/>
      <c r="AE85" s="774"/>
      <c r="AF85" s="774"/>
      <c r="AG85" s="774"/>
      <c r="AH85" s="774"/>
      <c r="AI85" s="774"/>
      <c r="AJ85" s="774"/>
      <c r="AK85" s="774"/>
      <c r="AL85" s="774"/>
      <c r="AM85" s="774"/>
      <c r="AN85" s="774"/>
      <c r="AO85" s="774"/>
      <c r="AP85" s="774"/>
      <c r="AQ85" s="774"/>
      <c r="AR85" s="774"/>
      <c r="AS85" s="775"/>
      <c r="AT85" s="605"/>
      <c r="AU85" s="604"/>
      <c r="AV85" s="1"/>
      <c r="AW85" s="5"/>
      <c r="AX85" s="6"/>
      <c r="AY85" s="6"/>
      <c r="AZ85" s="6"/>
    </row>
    <row r="86" spans="1:52" ht="6.6" customHeight="1" thickBot="1" x14ac:dyDescent="0.25">
      <c r="A86" s="1"/>
      <c r="B86" s="604"/>
      <c r="C86" s="605"/>
      <c r="D86" s="585"/>
      <c r="E86" s="776"/>
      <c r="F86" s="777"/>
      <c r="G86" s="777"/>
      <c r="H86" s="777"/>
      <c r="I86" s="777"/>
      <c r="J86" s="777"/>
      <c r="K86" s="777"/>
      <c r="L86" s="777"/>
      <c r="M86" s="777"/>
      <c r="N86" s="777"/>
      <c r="O86" s="777"/>
      <c r="P86" s="777"/>
      <c r="Q86" s="777"/>
      <c r="R86" s="777"/>
      <c r="S86" s="777"/>
      <c r="T86" s="777"/>
      <c r="U86" s="777"/>
      <c r="V86" s="777"/>
      <c r="W86" s="777"/>
      <c r="X86" s="777"/>
      <c r="Y86" s="777"/>
      <c r="Z86" s="777"/>
      <c r="AA86" s="777"/>
      <c r="AB86" s="777"/>
      <c r="AC86" s="777"/>
      <c r="AD86" s="777"/>
      <c r="AE86" s="777"/>
      <c r="AF86" s="777"/>
      <c r="AG86" s="777"/>
      <c r="AH86" s="777"/>
      <c r="AI86" s="777"/>
      <c r="AJ86" s="777"/>
      <c r="AK86" s="777"/>
      <c r="AL86" s="777"/>
      <c r="AM86" s="777"/>
      <c r="AN86" s="777"/>
      <c r="AO86" s="777"/>
      <c r="AP86" s="777"/>
      <c r="AQ86" s="777"/>
      <c r="AR86" s="777"/>
      <c r="AS86" s="778"/>
      <c r="AT86" s="605"/>
      <c r="AU86" s="604"/>
      <c r="AV86" s="1"/>
      <c r="AW86" s="5"/>
      <c r="AX86" s="6"/>
      <c r="AY86" s="6"/>
      <c r="AZ86" s="6"/>
    </row>
    <row r="87" spans="1:52" ht="13.5" customHeight="1" x14ac:dyDescent="0.2">
      <c r="A87" s="1"/>
      <c r="B87" s="22"/>
      <c r="C87" s="570" t="s">
        <v>180</v>
      </c>
      <c r="D87" s="570"/>
      <c r="E87" s="570"/>
      <c r="F87" s="570"/>
      <c r="G87" s="570"/>
      <c r="H87" s="570"/>
      <c r="I87" s="570"/>
      <c r="J87" s="570"/>
      <c r="K87" s="570"/>
      <c r="L87" s="570"/>
      <c r="M87" s="570"/>
      <c r="N87" s="570"/>
      <c r="O87" s="570"/>
      <c r="P87" s="570"/>
      <c r="Q87" s="570"/>
      <c r="R87" s="570"/>
      <c r="S87" s="570"/>
      <c r="T87" s="570"/>
      <c r="U87" s="570"/>
      <c r="V87" s="570"/>
      <c r="W87" s="570"/>
      <c r="X87" s="570"/>
      <c r="Y87" s="570"/>
      <c r="Z87" s="570"/>
      <c r="AA87" s="570"/>
      <c r="AB87" s="570"/>
      <c r="AC87" s="570"/>
      <c r="AD87" s="570"/>
      <c r="AE87" s="570"/>
      <c r="AF87" s="570"/>
      <c r="AG87" s="570"/>
      <c r="AH87" s="570"/>
      <c r="AI87" s="570"/>
      <c r="AJ87" s="570"/>
      <c r="AK87" s="570"/>
      <c r="AL87" s="570"/>
      <c r="AM87" s="570"/>
      <c r="AN87" s="570"/>
      <c r="AO87" s="570"/>
      <c r="AP87" s="570"/>
      <c r="AQ87" s="570"/>
      <c r="AR87" s="570"/>
      <c r="AS87" s="570"/>
      <c r="AT87" s="570"/>
      <c r="AU87" s="1"/>
      <c r="AV87" s="1"/>
      <c r="AW87" s="1"/>
      <c r="AX87" s="2"/>
      <c r="AY87" s="2"/>
      <c r="AZ87" s="2"/>
    </row>
    <row r="88" spans="1:52" ht="33" customHeight="1" x14ac:dyDescent="0.2">
      <c r="A88" s="1"/>
      <c r="B88" s="22"/>
      <c r="C88" s="570"/>
      <c r="D88" s="570"/>
      <c r="E88" s="570"/>
      <c r="F88" s="570"/>
      <c r="G88" s="570"/>
      <c r="H88" s="570"/>
      <c r="I88" s="570"/>
      <c r="J88" s="570"/>
      <c r="K88" s="570"/>
      <c r="L88" s="570"/>
      <c r="M88" s="570"/>
      <c r="N88" s="570"/>
      <c r="O88" s="570"/>
      <c r="P88" s="570"/>
      <c r="Q88" s="570"/>
      <c r="R88" s="570"/>
      <c r="S88" s="570"/>
      <c r="T88" s="570"/>
      <c r="U88" s="570"/>
      <c r="V88" s="570"/>
      <c r="W88" s="570"/>
      <c r="X88" s="570"/>
      <c r="Y88" s="570"/>
      <c r="Z88" s="570"/>
      <c r="AA88" s="570"/>
      <c r="AB88" s="570"/>
      <c r="AC88" s="570"/>
      <c r="AD88" s="570"/>
      <c r="AE88" s="570"/>
      <c r="AF88" s="570"/>
      <c r="AG88" s="570"/>
      <c r="AH88" s="570"/>
      <c r="AI88" s="570"/>
      <c r="AJ88" s="570"/>
      <c r="AK88" s="570"/>
      <c r="AL88" s="570"/>
      <c r="AM88" s="570"/>
      <c r="AN88" s="570"/>
      <c r="AO88" s="570"/>
      <c r="AP88" s="570"/>
      <c r="AQ88" s="570"/>
      <c r="AR88" s="570"/>
      <c r="AS88" s="570"/>
      <c r="AT88" s="570"/>
      <c r="AU88" s="1"/>
      <c r="AV88" s="1"/>
      <c r="AW88" s="1"/>
      <c r="AX88" s="2"/>
      <c r="AY88" s="2"/>
      <c r="AZ88" s="2"/>
    </row>
    <row r="89" spans="1:52" ht="38.4" customHeight="1" x14ac:dyDescent="0.2">
      <c r="A89" s="1"/>
      <c r="B89" s="22"/>
      <c r="C89" s="570"/>
      <c r="D89" s="570"/>
      <c r="E89" s="570"/>
      <c r="F89" s="570"/>
      <c r="G89" s="570"/>
      <c r="H89" s="570"/>
      <c r="I89" s="570"/>
      <c r="J89" s="570"/>
      <c r="K89" s="570"/>
      <c r="L89" s="570"/>
      <c r="M89" s="570"/>
      <c r="N89" s="570"/>
      <c r="O89" s="570"/>
      <c r="P89" s="570"/>
      <c r="Q89" s="570"/>
      <c r="R89" s="570"/>
      <c r="S89" s="570"/>
      <c r="T89" s="570"/>
      <c r="U89" s="570"/>
      <c r="V89" s="570"/>
      <c r="W89" s="570"/>
      <c r="X89" s="570"/>
      <c r="Y89" s="570"/>
      <c r="Z89" s="570"/>
      <c r="AA89" s="570"/>
      <c r="AB89" s="570"/>
      <c r="AC89" s="570"/>
      <c r="AD89" s="570"/>
      <c r="AE89" s="570"/>
      <c r="AF89" s="570"/>
      <c r="AG89" s="570"/>
      <c r="AH89" s="570"/>
      <c r="AI89" s="570"/>
      <c r="AJ89" s="570"/>
      <c r="AK89" s="570"/>
      <c r="AL89" s="570"/>
      <c r="AM89" s="570"/>
      <c r="AN89" s="570"/>
      <c r="AO89" s="570"/>
      <c r="AP89" s="570"/>
      <c r="AQ89" s="570"/>
      <c r="AR89" s="570"/>
      <c r="AS89" s="570"/>
      <c r="AT89" s="570"/>
      <c r="AU89" s="1"/>
      <c r="AV89" s="1"/>
      <c r="AW89" s="1"/>
      <c r="AX89" s="2"/>
      <c r="AY89" s="2"/>
      <c r="AZ89" s="2"/>
    </row>
    <row r="90" spans="1:52" ht="13.5" customHeight="1" x14ac:dyDescent="0.2">
      <c r="B90" s="1"/>
      <c r="C90" s="1"/>
      <c r="D90" s="1"/>
      <c r="E90" s="1"/>
      <c r="F90" s="1"/>
      <c r="G90" s="1"/>
      <c r="H90" s="1"/>
      <c r="I90" s="1"/>
      <c r="J90" s="1"/>
      <c r="K90" s="1"/>
      <c r="L90" s="1"/>
      <c r="M90" s="1"/>
      <c r="N90" s="1"/>
      <c r="O90" s="1"/>
      <c r="P90" s="1"/>
      <c r="Q90" s="1"/>
      <c r="R90" s="1"/>
      <c r="S90" s="1"/>
      <c r="T90" s="1"/>
      <c r="U90" s="1"/>
      <c r="V90" s="1"/>
      <c r="W90" s="1"/>
      <c r="X90" s="1"/>
      <c r="Y90" s="1"/>
      <c r="Z90" s="1"/>
      <c r="AA90" s="1"/>
      <c r="AB90" s="1"/>
      <c r="AC90" s="1"/>
      <c r="AD90" s="1"/>
      <c r="AE90" s="1"/>
      <c r="AF90" s="1"/>
      <c r="AG90" s="1"/>
      <c r="AH90" s="1"/>
      <c r="AI90" s="1"/>
      <c r="AJ90" s="1"/>
      <c r="AK90" s="1"/>
      <c r="AL90" s="1"/>
      <c r="AM90" s="1"/>
      <c r="AN90" s="1"/>
      <c r="AO90" s="1"/>
      <c r="AP90" s="1"/>
      <c r="AQ90" s="1"/>
      <c r="AR90" s="1"/>
      <c r="AS90" s="1"/>
      <c r="AT90" s="1"/>
      <c r="AU90" s="1"/>
    </row>
    <row r="91" spans="1:52" ht="13.5" customHeight="1" x14ac:dyDescent="0.2">
      <c r="B91" s="1"/>
      <c r="C91" s="1"/>
      <c r="D91" s="1"/>
      <c r="E91" s="1"/>
      <c r="F91" s="1"/>
      <c r="G91" s="1"/>
      <c r="H91" s="1"/>
      <c r="I91" s="1"/>
      <c r="J91" s="1"/>
      <c r="K91" s="1"/>
      <c r="L91" s="1"/>
      <c r="M91" s="1"/>
      <c r="N91" s="1"/>
      <c r="O91" s="1"/>
      <c r="P91" s="1"/>
      <c r="Q91" s="1"/>
      <c r="R91" s="1"/>
      <c r="S91" s="1"/>
      <c r="T91" s="1"/>
      <c r="U91" s="1"/>
      <c r="V91" s="1"/>
      <c r="W91" s="1"/>
      <c r="X91" s="1"/>
      <c r="Y91" s="1"/>
      <c r="Z91" s="1"/>
      <c r="AA91" s="1"/>
      <c r="AB91" s="1"/>
      <c r="AC91" s="1"/>
      <c r="AD91" s="1"/>
      <c r="AE91" s="1"/>
      <c r="AF91" s="1"/>
      <c r="AG91" s="1"/>
      <c r="AH91" s="1"/>
      <c r="AI91" s="1"/>
      <c r="AJ91" s="1"/>
      <c r="AK91" s="1"/>
      <c r="AL91" s="1"/>
      <c r="AM91" s="1"/>
      <c r="AN91" s="1"/>
      <c r="AO91" s="1"/>
      <c r="AP91" s="1"/>
      <c r="AQ91" s="1"/>
      <c r="AR91" s="1"/>
      <c r="AS91" s="1"/>
      <c r="AT91" s="1"/>
      <c r="AU91" s="1"/>
    </row>
    <row r="92" spans="1:52" ht="13.5" customHeight="1" x14ac:dyDescent="0.2">
      <c r="B92" s="1"/>
      <c r="C92" s="1"/>
      <c r="D92" s="1"/>
      <c r="E92" s="1"/>
      <c r="F92" s="1"/>
      <c r="G92" s="1"/>
      <c r="H92" s="1"/>
      <c r="I92" s="1"/>
      <c r="J92" s="1"/>
      <c r="K92" s="1"/>
      <c r="L92" s="1"/>
      <c r="M92" s="1"/>
      <c r="N92" s="1"/>
      <c r="O92" s="1"/>
      <c r="P92" s="1"/>
      <c r="Q92" s="1"/>
      <c r="R92" s="1"/>
      <c r="S92" s="1"/>
      <c r="T92" s="1"/>
      <c r="U92" s="1"/>
      <c r="V92" s="1"/>
      <c r="W92" s="1"/>
      <c r="X92" s="1"/>
      <c r="Y92" s="1"/>
      <c r="Z92" s="1"/>
      <c r="AA92" s="1"/>
      <c r="AB92" s="1"/>
      <c r="AC92" s="1"/>
      <c r="AD92" s="1"/>
      <c r="AE92" s="1"/>
      <c r="AF92" s="1"/>
      <c r="AG92" s="1"/>
      <c r="AH92" s="1"/>
      <c r="AI92" s="1"/>
      <c r="AJ92" s="1"/>
      <c r="AK92" s="1"/>
      <c r="AL92" s="1"/>
      <c r="AM92" s="1"/>
      <c r="AN92" s="1"/>
      <c r="AO92" s="1"/>
      <c r="AP92" s="1"/>
      <c r="AQ92" s="1"/>
      <c r="AR92" s="1"/>
      <c r="AS92" s="1"/>
      <c r="AT92" s="1"/>
      <c r="AU92" s="1"/>
    </row>
    <row r="93" spans="1:52" ht="13.5" customHeight="1" x14ac:dyDescent="0.2">
      <c r="B93" s="1"/>
      <c r="C93" s="1"/>
      <c r="D93" s="1"/>
      <c r="E93" s="1"/>
      <c r="F93" s="1"/>
      <c r="G93" s="1"/>
      <c r="H93" s="1"/>
      <c r="I93" s="1"/>
      <c r="J93" s="1"/>
      <c r="K93" s="1"/>
      <c r="L93" s="1"/>
      <c r="M93" s="1"/>
      <c r="N93" s="1"/>
      <c r="O93" s="1"/>
      <c r="P93" s="1"/>
      <c r="Q93" s="1"/>
      <c r="R93" s="1"/>
      <c r="S93" s="1"/>
      <c r="T93" s="1"/>
      <c r="U93" s="1"/>
      <c r="V93" s="1"/>
      <c r="W93" s="1"/>
      <c r="X93" s="1"/>
      <c r="Y93" s="1"/>
      <c r="Z93" s="1"/>
      <c r="AA93" s="1"/>
      <c r="AB93" s="1"/>
      <c r="AC93" s="1"/>
      <c r="AD93" s="1"/>
      <c r="AE93" s="1"/>
      <c r="AF93" s="1"/>
      <c r="AG93" s="1"/>
      <c r="AH93" s="1"/>
      <c r="AI93" s="1"/>
      <c r="AJ93" s="1"/>
      <c r="AK93" s="1"/>
      <c r="AL93" s="1"/>
      <c r="AM93" s="1"/>
      <c r="AN93" s="1"/>
      <c r="AO93" s="1"/>
      <c r="AP93" s="1"/>
      <c r="AQ93" s="1"/>
      <c r="AR93" s="1"/>
      <c r="AS93" s="1"/>
      <c r="AT93" s="1"/>
      <c r="AU93" s="1"/>
    </row>
    <row r="94" spans="1:52" ht="13.5" customHeight="1" x14ac:dyDescent="0.2">
      <c r="B94" s="1"/>
      <c r="C94" s="1"/>
      <c r="D94" s="1"/>
      <c r="E94" s="1"/>
      <c r="F94" s="1"/>
      <c r="G94" s="1"/>
      <c r="H94" s="1"/>
      <c r="I94" s="1"/>
      <c r="J94" s="1"/>
      <c r="K94" s="1"/>
      <c r="L94" s="1"/>
      <c r="M94" s="1"/>
      <c r="N94" s="1"/>
      <c r="O94" s="1"/>
      <c r="P94" s="1"/>
      <c r="Q94" s="1"/>
      <c r="R94" s="1"/>
      <c r="S94" s="1"/>
      <c r="T94" s="1"/>
      <c r="U94" s="1"/>
      <c r="V94" s="1"/>
      <c r="W94" s="1"/>
      <c r="X94" s="1"/>
      <c r="Y94" s="1"/>
      <c r="Z94" s="1"/>
      <c r="AA94" s="1"/>
      <c r="AB94" s="1"/>
      <c r="AC94" s="1"/>
      <c r="AD94" s="1"/>
      <c r="AE94" s="1"/>
      <c r="AF94" s="1"/>
      <c r="AG94" s="1"/>
      <c r="AH94" s="1"/>
      <c r="AI94" s="1"/>
      <c r="AJ94" s="1"/>
      <c r="AK94" s="1"/>
      <c r="AL94" s="1"/>
      <c r="AM94" s="1"/>
      <c r="AN94" s="1"/>
      <c r="AO94" s="1"/>
      <c r="AP94" s="1"/>
      <c r="AQ94" s="1"/>
      <c r="AR94" s="1"/>
      <c r="AS94" s="1"/>
      <c r="AT94" s="1"/>
      <c r="AU94" s="1"/>
    </row>
    <row r="95" spans="1:52" ht="13.5" customHeight="1" x14ac:dyDescent="0.2">
      <c r="B95" s="1"/>
      <c r="C95" s="1"/>
      <c r="D95" s="1"/>
      <c r="E95" s="1"/>
      <c r="F95" s="1"/>
      <c r="G95" s="1"/>
      <c r="H95" s="1"/>
      <c r="I95" s="1"/>
      <c r="J95" s="1"/>
      <c r="K95" s="1"/>
      <c r="L95" s="1"/>
      <c r="M95" s="1"/>
      <c r="N95" s="1"/>
      <c r="O95" s="1"/>
      <c r="P95" s="1"/>
      <c r="Q95" s="1"/>
      <c r="R95" s="1"/>
      <c r="S95" s="1"/>
      <c r="T95" s="1"/>
      <c r="U95" s="1"/>
      <c r="V95" s="1"/>
      <c r="W95" s="1"/>
      <c r="X95" s="1"/>
      <c r="Y95" s="1"/>
      <c r="Z95" s="1"/>
      <c r="AA95" s="1"/>
      <c r="AB95" s="1"/>
      <c r="AC95" s="1"/>
      <c r="AD95" s="1"/>
      <c r="AE95" s="1"/>
      <c r="AF95" s="1"/>
      <c r="AG95" s="1"/>
      <c r="AH95" s="1"/>
      <c r="AI95" s="1"/>
      <c r="AJ95" s="1"/>
      <c r="AK95" s="1"/>
      <c r="AL95" s="1"/>
      <c r="AM95" s="1"/>
      <c r="AN95" s="1"/>
      <c r="AO95" s="1"/>
      <c r="AP95" s="1"/>
      <c r="AQ95" s="1"/>
      <c r="AR95" s="1"/>
      <c r="AS95" s="1"/>
      <c r="AT95" s="1"/>
      <c r="AU95" s="1"/>
    </row>
    <row r="96" spans="1:52" s="1" customFormat="1" ht="13.5" customHeight="1" x14ac:dyDescent="0.2"/>
    <row r="97" spans="25:41" s="1" customFormat="1" ht="13.2" x14ac:dyDescent="0.2"/>
    <row r="98" spans="25:41" s="1" customFormat="1" ht="13.2" x14ac:dyDescent="0.2"/>
    <row r="99" spans="25:41" s="1" customFormat="1" ht="13.5" hidden="1" customHeight="1" x14ac:dyDescent="0.2"/>
    <row r="100" spans="25:41" s="1" customFormat="1" ht="13.5" hidden="1" customHeight="1" x14ac:dyDescent="0.2"/>
    <row r="101" spans="25:41" s="1" customFormat="1" ht="13.5" hidden="1" customHeight="1" x14ac:dyDescent="0.2"/>
    <row r="102" spans="25:41" s="1" customFormat="1" ht="13.5" hidden="1" customHeight="1" x14ac:dyDescent="0.2">
      <c r="Y102" s="568"/>
      <c r="Z102" s="568"/>
      <c r="AA102" s="569"/>
      <c r="AE102" s="223"/>
      <c r="AG102" s="571" t="s">
        <v>39</v>
      </c>
      <c r="AH102" s="568"/>
      <c r="AI102" s="569"/>
      <c r="AM102" s="571" t="s">
        <v>39</v>
      </c>
      <c r="AN102" s="568"/>
      <c r="AO102" s="569"/>
    </row>
    <row r="103" spans="25:41" s="1" customFormat="1" ht="13.5" hidden="1" customHeight="1" x14ac:dyDescent="0.2">
      <c r="Y103" s="22"/>
      <c r="Z103" s="22"/>
      <c r="AA103" s="23"/>
      <c r="AE103" s="24"/>
      <c r="AG103" s="25" t="s">
        <v>40</v>
      </c>
      <c r="AH103" s="26"/>
      <c r="AI103" s="27"/>
      <c r="AM103" s="25" t="s">
        <v>40</v>
      </c>
      <c r="AN103" s="26"/>
      <c r="AO103" s="27"/>
    </row>
    <row r="104" spans="25:41" s="1" customFormat="1" ht="13.5" hidden="1" customHeight="1" x14ac:dyDescent="0.2">
      <c r="Y104" s="22"/>
      <c r="Z104" s="22"/>
      <c r="AA104" s="23"/>
      <c r="AE104" s="27"/>
      <c r="AG104" s="25" t="s">
        <v>41</v>
      </c>
      <c r="AH104" s="26"/>
      <c r="AI104" s="27"/>
      <c r="AM104" s="25" t="s">
        <v>41</v>
      </c>
      <c r="AN104" s="26"/>
      <c r="AO104" s="27"/>
    </row>
    <row r="105" spans="25:41" s="1" customFormat="1" ht="13.5" hidden="1" customHeight="1" x14ac:dyDescent="0.2">
      <c r="Y105" s="22"/>
      <c r="Z105" s="22"/>
      <c r="AA105" s="23"/>
      <c r="AE105" s="27"/>
      <c r="AG105" s="28" t="s">
        <v>42</v>
      </c>
      <c r="AH105" s="29"/>
      <c r="AI105" s="30"/>
      <c r="AM105" s="28" t="s">
        <v>42</v>
      </c>
      <c r="AN105" s="29"/>
      <c r="AO105" s="30"/>
    </row>
    <row r="106" spans="25:41" s="1" customFormat="1" ht="13.5" hidden="1" customHeight="1" x14ac:dyDescent="0.2">
      <c r="Y106" s="22"/>
      <c r="Z106" s="22"/>
      <c r="AA106" s="23"/>
      <c r="AE106" s="27"/>
      <c r="AG106" s="22"/>
      <c r="AH106" s="26"/>
      <c r="AI106" s="26"/>
      <c r="AM106" s="22"/>
      <c r="AN106" s="26"/>
      <c r="AO106" s="26"/>
    </row>
    <row r="107" spans="25:41" s="1" customFormat="1" ht="13.5" hidden="1" customHeight="1" x14ac:dyDescent="0.2">
      <c r="Y107" s="22"/>
      <c r="Z107" s="22"/>
      <c r="AA107" s="23"/>
      <c r="AE107" s="27"/>
      <c r="AG107" s="22"/>
      <c r="AH107" s="26"/>
      <c r="AI107" s="26"/>
      <c r="AM107" s="22"/>
      <c r="AN107" s="26"/>
      <c r="AO107" s="26"/>
    </row>
    <row r="108" spans="25:41" s="1" customFormat="1" ht="13.5" hidden="1" customHeight="1" x14ac:dyDescent="0.2">
      <c r="Y108" s="22"/>
      <c r="Z108" s="22"/>
      <c r="AA108" s="23"/>
      <c r="AE108" s="31"/>
    </row>
    <row r="109" spans="25:41" s="1" customFormat="1" ht="13.5" hidden="1" customHeight="1" x14ac:dyDescent="0.2">
      <c r="Y109" s="22"/>
      <c r="Z109" s="22"/>
      <c r="AA109" s="23"/>
      <c r="AG109" s="571" t="s">
        <v>43</v>
      </c>
      <c r="AH109" s="568"/>
      <c r="AI109" s="569"/>
      <c r="AM109" s="571" t="s">
        <v>43</v>
      </c>
      <c r="AN109" s="568"/>
      <c r="AO109" s="569"/>
    </row>
    <row r="110" spans="25:41" s="1" customFormat="1" ht="13.5" hidden="1" customHeight="1" x14ac:dyDescent="0.2">
      <c r="Y110" s="29"/>
      <c r="Z110" s="29"/>
      <c r="AA110" s="30"/>
      <c r="AG110" s="25" t="s">
        <v>40</v>
      </c>
      <c r="AH110" s="26"/>
      <c r="AI110" s="27"/>
      <c r="AM110" s="25" t="s">
        <v>40</v>
      </c>
      <c r="AN110" s="26"/>
      <c r="AO110" s="27"/>
    </row>
    <row r="111" spans="25:41" s="1" customFormat="1" ht="13.5" hidden="1" customHeight="1" x14ac:dyDescent="0.2">
      <c r="Y111" s="22"/>
      <c r="Z111" s="22"/>
      <c r="AE111" s="568"/>
      <c r="AF111" s="569"/>
      <c r="AG111" s="25" t="s">
        <v>41</v>
      </c>
      <c r="AH111" s="26"/>
      <c r="AI111" s="27"/>
      <c r="AM111" s="25" t="s">
        <v>41</v>
      </c>
      <c r="AN111" s="26"/>
      <c r="AO111" s="27"/>
    </row>
    <row r="112" spans="25:41" s="1" customFormat="1" ht="13.5" hidden="1" customHeight="1" x14ac:dyDescent="0.2">
      <c r="AE112" s="26"/>
      <c r="AF112" s="23"/>
      <c r="AG112" s="28" t="s">
        <v>42</v>
      </c>
      <c r="AH112" s="29"/>
      <c r="AI112" s="30"/>
      <c r="AM112" s="28" t="s">
        <v>42</v>
      </c>
      <c r="AN112" s="29"/>
      <c r="AO112" s="30"/>
    </row>
    <row r="113" spans="25:41" s="1" customFormat="1" ht="13.5" hidden="1" customHeight="1" x14ac:dyDescent="0.2">
      <c r="Y113" s="32"/>
      <c r="Z113" s="32"/>
      <c r="AE113" s="26"/>
      <c r="AF113" s="23"/>
      <c r="AG113" s="22"/>
      <c r="AH113" s="26"/>
      <c r="AI113" s="26"/>
      <c r="AM113" s="22"/>
      <c r="AN113" s="26"/>
      <c r="AO113" s="26"/>
    </row>
    <row r="114" spans="25:41" s="1" customFormat="1" ht="13.5" hidden="1" customHeight="1" x14ac:dyDescent="0.2">
      <c r="Y114" s="22"/>
      <c r="Z114" s="22"/>
      <c r="AE114" s="26"/>
      <c r="AF114" s="23"/>
      <c r="AG114" s="22"/>
      <c r="AH114" s="26"/>
      <c r="AI114" s="26"/>
      <c r="AM114" s="22"/>
      <c r="AN114" s="26"/>
      <c r="AO114" s="26"/>
    </row>
    <row r="115" spans="25:41" s="1" customFormat="1" ht="13.5" hidden="1" customHeight="1" x14ac:dyDescent="0.2">
      <c r="Y115" s="22"/>
      <c r="Z115" s="22"/>
      <c r="AE115" s="26"/>
      <c r="AF115" s="23"/>
    </row>
    <row r="116" spans="25:41" s="1" customFormat="1" ht="13.5" hidden="1" customHeight="1" x14ac:dyDescent="0.2">
      <c r="Y116" s="22"/>
      <c r="Z116" s="22"/>
      <c r="AE116" s="26"/>
      <c r="AF116" s="23"/>
    </row>
    <row r="117" spans="25:41" s="1" customFormat="1" ht="13.5" hidden="1" customHeight="1" x14ac:dyDescent="0.2">
      <c r="Y117" s="22"/>
      <c r="Z117" s="22"/>
      <c r="AE117" s="26"/>
      <c r="AF117" s="23"/>
    </row>
    <row r="118" spans="25:41" s="1" customFormat="1" ht="13.5" hidden="1" customHeight="1" x14ac:dyDescent="0.2">
      <c r="Y118" s="22"/>
      <c r="Z118" s="22"/>
      <c r="AE118" s="26"/>
      <c r="AF118" s="23"/>
    </row>
    <row r="119" spans="25:41" s="1" customFormat="1" ht="13.5" hidden="1" customHeight="1" x14ac:dyDescent="0.2">
      <c r="Y119" s="22"/>
      <c r="Z119" s="22"/>
      <c r="AE119" s="26"/>
      <c r="AF119" s="23"/>
    </row>
    <row r="120" spans="25:41" s="1" customFormat="1" ht="13.5" hidden="1" customHeight="1" x14ac:dyDescent="0.2">
      <c r="Y120" s="22"/>
      <c r="Z120" s="22"/>
      <c r="AE120" s="26"/>
      <c r="AF120" s="23"/>
    </row>
    <row r="121" spans="25:41" s="1" customFormat="1" ht="13.5" hidden="1" customHeight="1" x14ac:dyDescent="0.2">
      <c r="Y121" s="22"/>
      <c r="Z121" s="22"/>
      <c r="AE121" s="33"/>
      <c r="AF121" s="30"/>
    </row>
    <row r="122" spans="25:41" s="1" customFormat="1" ht="13.5" hidden="1" customHeight="1" x14ac:dyDescent="0.2">
      <c r="Y122" s="22"/>
      <c r="Z122" s="22"/>
    </row>
    <row r="123" spans="25:41" s="1" customFormat="1" ht="13.5" hidden="1" customHeight="1" x14ac:dyDescent="0.2">
      <c r="Y123" s="22"/>
      <c r="Z123" s="22"/>
    </row>
    <row r="124" spans="25:41" s="1" customFormat="1" ht="13.5" hidden="1" customHeight="1" x14ac:dyDescent="0.2">
      <c r="Y124" s="22"/>
      <c r="Z124" s="22"/>
    </row>
    <row r="125" spans="25:41" s="1" customFormat="1" ht="13.5" hidden="1" customHeight="1" x14ac:dyDescent="0.2"/>
    <row r="126" spans="25:41" s="1" customFormat="1" ht="13.5" hidden="1" customHeight="1" x14ac:dyDescent="0.2"/>
    <row r="127" spans="25:41" s="1" customFormat="1" ht="13.5" hidden="1" customHeight="1" x14ac:dyDescent="0.2">
      <c r="Y127" s="568"/>
      <c r="Z127" s="568"/>
      <c r="AA127" s="568"/>
      <c r="AB127" s="568"/>
      <c r="AC127" s="568"/>
      <c r="AD127" s="32"/>
    </row>
    <row r="128" spans="25:41" s="1" customFormat="1" ht="13.2" hidden="1" x14ac:dyDescent="0.2">
      <c r="Y128" s="26"/>
      <c r="Z128" s="26"/>
      <c r="AA128" s="26"/>
      <c r="AB128" s="26"/>
      <c r="AC128" s="26"/>
      <c r="AD128" s="26"/>
    </row>
    <row r="129" spans="25:46" s="1" customFormat="1" ht="13.2" hidden="1" x14ac:dyDescent="0.2">
      <c r="Y129" s="33"/>
      <c r="Z129" s="33"/>
      <c r="AA129" s="33"/>
      <c r="AB129" s="33"/>
      <c r="AC129" s="33"/>
      <c r="AD129" s="26"/>
    </row>
    <row r="130" spans="25:46" s="1" customFormat="1" ht="13.2" hidden="1" x14ac:dyDescent="0.2"/>
    <row r="131" spans="25:46" s="1" customFormat="1" ht="13.2" hidden="1" x14ac:dyDescent="0.2"/>
    <row r="132" spans="25:46" s="1" customFormat="1" ht="13.2" hidden="1" x14ac:dyDescent="0.2">
      <c r="Y132" s="568"/>
      <c r="Z132" s="568"/>
      <c r="AA132" s="569"/>
      <c r="AE132" s="34"/>
      <c r="AF132" s="34"/>
      <c r="AG132" s="34"/>
      <c r="AH132" s="34"/>
      <c r="AI132" s="34"/>
      <c r="AJ132" s="34"/>
      <c r="AK132" s="34"/>
      <c r="AL132" s="34"/>
      <c r="AM132" s="34"/>
      <c r="AN132" s="34"/>
      <c r="AO132" s="34"/>
      <c r="AP132" s="34"/>
      <c r="AQ132" s="34"/>
      <c r="AR132" s="34"/>
      <c r="AS132" s="34"/>
      <c r="AT132" s="34"/>
    </row>
    <row r="133" spans="25:46" s="1" customFormat="1" ht="13.2" hidden="1" x14ac:dyDescent="0.2">
      <c r="Y133" s="22"/>
      <c r="Z133" s="22"/>
      <c r="AA133" s="23"/>
      <c r="AE133" s="34"/>
      <c r="AF133" s="34"/>
      <c r="AG133" s="34"/>
      <c r="AH133" s="34"/>
      <c r="AI133" s="34"/>
      <c r="AJ133" s="34"/>
      <c r="AK133" s="34"/>
      <c r="AL133" s="34"/>
      <c r="AM133" s="34"/>
      <c r="AN133" s="34"/>
      <c r="AO133" s="34"/>
      <c r="AP133" s="34"/>
      <c r="AQ133" s="34"/>
      <c r="AR133" s="34"/>
      <c r="AS133" s="34"/>
      <c r="AT133" s="34"/>
    </row>
    <row r="134" spans="25:46" s="1" customFormat="1" ht="13.2" hidden="1" x14ac:dyDescent="0.2">
      <c r="Y134" s="29"/>
      <c r="Z134" s="29"/>
      <c r="AA134" s="30"/>
      <c r="AE134" s="34"/>
      <c r="AF134" s="34"/>
      <c r="AG134" s="34"/>
      <c r="AH134" s="34"/>
      <c r="AI134" s="34"/>
      <c r="AJ134" s="34"/>
      <c r="AK134" s="34"/>
      <c r="AL134" s="34"/>
      <c r="AM134" s="34"/>
      <c r="AN134" s="34"/>
      <c r="AO134" s="34"/>
      <c r="AP134" s="34"/>
      <c r="AQ134" s="34"/>
      <c r="AR134" s="34"/>
      <c r="AS134" s="34"/>
      <c r="AT134" s="34"/>
    </row>
    <row r="135" spans="25:46" s="1" customFormat="1" ht="13.2" hidden="1" x14ac:dyDescent="0.2"/>
    <row r="136" spans="25:46" s="1" customFormat="1" ht="13.2" hidden="1" x14ac:dyDescent="0.2"/>
    <row r="137" spans="25:46" s="1" customFormat="1" ht="13.2" hidden="1" x14ac:dyDescent="0.2">
      <c r="Y137" s="568"/>
      <c r="Z137" s="568"/>
      <c r="AA137" s="569"/>
    </row>
    <row r="138" spans="25:46" s="1" customFormat="1" ht="13.2" hidden="1" x14ac:dyDescent="0.2">
      <c r="Y138" s="22"/>
      <c r="Z138" s="22"/>
      <c r="AA138" s="23"/>
    </row>
    <row r="139" spans="25:46" s="1" customFormat="1" ht="13.2" hidden="1" x14ac:dyDescent="0.2">
      <c r="Y139" s="29"/>
      <c r="Z139" s="29"/>
      <c r="AA139" s="30"/>
    </row>
    <row r="140" spans="25:46" s="1" customFormat="1" ht="13.2" hidden="1" x14ac:dyDescent="0.2"/>
    <row r="141" spans="25:46" s="1" customFormat="1" ht="13.2" hidden="1" x14ac:dyDescent="0.2"/>
    <row r="142" spans="25:46" s="1" customFormat="1" ht="13.2" hidden="1" x14ac:dyDescent="0.2"/>
    <row r="143" spans="25:46" s="1" customFormat="1" ht="13.2" hidden="1" x14ac:dyDescent="0.2">
      <c r="Y143" s="35"/>
      <c r="Z143" s="35"/>
    </row>
    <row r="144" spans="25:46" s="1" customFormat="1" ht="13.2" hidden="1" x14ac:dyDescent="0.2">
      <c r="Y144" s="35"/>
      <c r="Z144" s="35"/>
    </row>
    <row r="145" spans="25:27" s="1" customFormat="1" ht="13.2" hidden="1" x14ac:dyDescent="0.2">
      <c r="Y145" s="35"/>
      <c r="Z145" s="35"/>
    </row>
    <row r="146" spans="25:27" s="1" customFormat="1" ht="13.2" hidden="1" x14ac:dyDescent="0.2">
      <c r="Y146" s="35"/>
      <c r="Z146" s="35"/>
    </row>
    <row r="147" spans="25:27" s="1" customFormat="1" ht="13.2" hidden="1" x14ac:dyDescent="0.2"/>
    <row r="148" spans="25:27" s="1" customFormat="1" ht="13.2" hidden="1" x14ac:dyDescent="0.2">
      <c r="Y148" s="35"/>
      <c r="Z148" s="35"/>
    </row>
    <row r="149" spans="25:27" s="1" customFormat="1" ht="13.2" hidden="1" x14ac:dyDescent="0.2">
      <c r="Y149" s="35"/>
      <c r="Z149" s="35"/>
    </row>
    <row r="150" spans="25:27" s="1" customFormat="1" ht="13.2" hidden="1" x14ac:dyDescent="0.2"/>
    <row r="151" spans="25:27" s="1" customFormat="1" ht="13.2" hidden="1" x14ac:dyDescent="0.2"/>
    <row r="152" spans="25:27" s="1" customFormat="1" x14ac:dyDescent="0.2">
      <c r="Y152" s="76"/>
    </row>
    <row r="153" spans="25:27" x14ac:dyDescent="0.2">
      <c r="Y153" s="2"/>
      <c r="Z153" s="2"/>
      <c r="AA153" s="2"/>
    </row>
  </sheetData>
  <mergeCells count="120">
    <mergeCell ref="AH2:AQ2"/>
    <mergeCell ref="AH4:AS6"/>
    <mergeCell ref="C7:AT7"/>
    <mergeCell ref="D10:D16"/>
    <mergeCell ref="AG16:AS16"/>
    <mergeCell ref="D17:D33"/>
    <mergeCell ref="AF24:AS24"/>
    <mergeCell ref="M25:Z25"/>
    <mergeCell ref="AF26:AS26"/>
    <mergeCell ref="E31:M33"/>
    <mergeCell ref="O31:AO31"/>
    <mergeCell ref="AP31:AS33"/>
    <mergeCell ref="N32:O32"/>
    <mergeCell ref="N33:O33"/>
    <mergeCell ref="D34:D35"/>
    <mergeCell ref="E34:AO34"/>
    <mergeCell ref="AP34:AS34"/>
    <mergeCell ref="E35:AO35"/>
    <mergeCell ref="AP35:AS35"/>
    <mergeCell ref="F41:AE42"/>
    <mergeCell ref="AF41:AS42"/>
    <mergeCell ref="D43:D45"/>
    <mergeCell ref="I43:AE43"/>
    <mergeCell ref="F45:AE45"/>
    <mergeCell ref="AG45:AR45"/>
    <mergeCell ref="D36:D42"/>
    <mergeCell ref="E36:AE36"/>
    <mergeCell ref="AF36:AS36"/>
    <mergeCell ref="E37:E38"/>
    <mergeCell ref="F37:AE38"/>
    <mergeCell ref="AF37:AS38"/>
    <mergeCell ref="E39:E40"/>
    <mergeCell ref="F39:AE40"/>
    <mergeCell ref="AF39:AS40"/>
    <mergeCell ref="E41:E42"/>
    <mergeCell ref="D47:U48"/>
    <mergeCell ref="D49:D52"/>
    <mergeCell ref="E49:AP49"/>
    <mergeCell ref="AQ49:AS49"/>
    <mergeCell ref="E50:F50"/>
    <mergeCell ref="G50:AP50"/>
    <mergeCell ref="AQ50:AS50"/>
    <mergeCell ref="E51:F51"/>
    <mergeCell ref="G51:AP51"/>
    <mergeCell ref="AQ51:AS51"/>
    <mergeCell ref="E52:F52"/>
    <mergeCell ref="G52:AP52"/>
    <mergeCell ref="AQ52:AS52"/>
    <mergeCell ref="D53:D62"/>
    <mergeCell ref="E53:L56"/>
    <mergeCell ref="I57:Z57"/>
    <mergeCell ref="AA57:AE57"/>
    <mergeCell ref="AF57:AS57"/>
    <mergeCell ref="AA58:AE59"/>
    <mergeCell ref="AF58:AS58"/>
    <mergeCell ref="F59:Z59"/>
    <mergeCell ref="AF59:AS59"/>
    <mergeCell ref="AB62:AS62"/>
    <mergeCell ref="B63:B86"/>
    <mergeCell ref="C63:C86"/>
    <mergeCell ref="D63:D67"/>
    <mergeCell ref="E63:V63"/>
    <mergeCell ref="W63:Z63"/>
    <mergeCell ref="AA63:AO63"/>
    <mergeCell ref="AP63:AS63"/>
    <mergeCell ref="AT63:AT86"/>
    <mergeCell ref="AU63:AU86"/>
    <mergeCell ref="AP64:AS64"/>
    <mergeCell ref="I65:Z65"/>
    <mergeCell ref="AA65:AE67"/>
    <mergeCell ref="AF65:AS67"/>
    <mergeCell ref="F67:Z67"/>
    <mergeCell ref="F75:N75"/>
    <mergeCell ref="O75:AE76"/>
    <mergeCell ref="D68:D71"/>
    <mergeCell ref="E68:F68"/>
    <mergeCell ref="Z68:AA68"/>
    <mergeCell ref="E69:F69"/>
    <mergeCell ref="Z69:AA69"/>
    <mergeCell ref="E70:F70"/>
    <mergeCell ref="Z70:AA70"/>
    <mergeCell ref="AF75:AS76"/>
    <mergeCell ref="F76:N76"/>
    <mergeCell ref="E77:E78"/>
    <mergeCell ref="F77:N77"/>
    <mergeCell ref="O77:AE78"/>
    <mergeCell ref="AF77:AS78"/>
    <mergeCell ref="F78:N78"/>
    <mergeCell ref="D72:D80"/>
    <mergeCell ref="E72:N72"/>
    <mergeCell ref="O72:AE72"/>
    <mergeCell ref="AF72:AS72"/>
    <mergeCell ref="E73:E74"/>
    <mergeCell ref="F73:N73"/>
    <mergeCell ref="O73:AE74"/>
    <mergeCell ref="AF73:AS74"/>
    <mergeCell ref="E64:V64"/>
    <mergeCell ref="W64:Z64"/>
    <mergeCell ref="AA64:AO64"/>
    <mergeCell ref="F74:N74"/>
    <mergeCell ref="E75:E76"/>
    <mergeCell ref="AE111:AF111"/>
    <mergeCell ref="Y127:AC127"/>
    <mergeCell ref="Y132:AA132"/>
    <mergeCell ref="Y137:AA137"/>
    <mergeCell ref="C87:AT89"/>
    <mergeCell ref="Y102:AA102"/>
    <mergeCell ref="AG102:AI102"/>
    <mergeCell ref="AM102:AO102"/>
    <mergeCell ref="AG109:AI109"/>
    <mergeCell ref="AM109:AO109"/>
    <mergeCell ref="E71:F71"/>
    <mergeCell ref="Z71:AA71"/>
    <mergeCell ref="E79:E80"/>
    <mergeCell ref="F79:N79"/>
    <mergeCell ref="O79:AE80"/>
    <mergeCell ref="AF79:AS80"/>
    <mergeCell ref="F80:N80"/>
    <mergeCell ref="D81:D86"/>
    <mergeCell ref="E81:AS86"/>
  </mergeCells>
  <phoneticPr fontId="59"/>
  <printOptions horizontalCentered="1" verticalCentered="1"/>
  <pageMargins left="0.19685039370078741" right="0.19685039370078741" top="0.39370078740157483" bottom="0.19685039370078741" header="0.19685039370078741" footer="0.19685039370078741"/>
  <pageSetup paperSize="9" scale="73" fitToHeight="2" orientation="portrait" r:id="rId1"/>
  <headerFooter>
    <oddHeader>&amp;R別紙様式２</oddHeader>
  </headerFooter>
  <rowBreaks count="1" manualBreakCount="1">
    <brk id="46" min="2" max="45"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Z156"/>
  <sheetViews>
    <sheetView showGridLines="0" view="pageBreakPreview" topLeftCell="A55" zoomScaleNormal="100" zoomScaleSheetLayoutView="100" workbookViewId="0">
      <selection activeCell="AF66" sqref="AF66:AS68"/>
    </sheetView>
  </sheetViews>
  <sheetFormatPr defaultColWidth="9" defaultRowHeight="18" x14ac:dyDescent="0.45"/>
  <cols>
    <col min="1" max="1" width="1.19921875" style="76" customWidth="1"/>
    <col min="2" max="2" width="1.59765625" style="76" customWidth="1"/>
    <col min="3" max="3" width="2.19921875" style="76" customWidth="1"/>
    <col min="4" max="4" width="3.19921875" style="76" customWidth="1"/>
    <col min="5" max="30" width="2.59765625" style="76" customWidth="1"/>
    <col min="31" max="31" width="3.8984375" style="76" customWidth="1"/>
    <col min="32" max="36" width="2.59765625" style="76" customWidth="1"/>
    <col min="37" max="37" width="7.19921875" style="76" customWidth="1"/>
    <col min="38" max="45" width="2.59765625" style="76" customWidth="1"/>
    <col min="46" max="47" width="1.59765625" style="76" customWidth="1"/>
    <col min="48" max="48" width="4.59765625" style="76" customWidth="1"/>
    <col min="49" max="49" width="9" style="76" customWidth="1"/>
    <col min="50" max="16384" width="9" style="76"/>
  </cols>
  <sheetData>
    <row r="1" spans="1:49" ht="9.9" customHeight="1" x14ac:dyDescent="0.2">
      <c r="A1" s="1"/>
      <c r="B1" s="85"/>
      <c r="C1" s="85"/>
      <c r="D1" s="85"/>
      <c r="E1" s="85"/>
      <c r="F1" s="85"/>
      <c r="G1" s="85"/>
      <c r="H1" s="85"/>
      <c r="I1" s="85"/>
      <c r="J1" s="85"/>
      <c r="K1" s="85"/>
      <c r="L1" s="85"/>
      <c r="M1" s="85"/>
      <c r="N1" s="85"/>
      <c r="O1" s="85"/>
      <c r="P1" s="85"/>
      <c r="Q1" s="85"/>
      <c r="R1" s="85"/>
      <c r="S1" s="85"/>
      <c r="T1" s="85"/>
      <c r="U1" s="85"/>
      <c r="V1" s="85"/>
      <c r="W1" s="85"/>
      <c r="X1" s="85"/>
      <c r="Y1" s="85"/>
      <c r="Z1" s="85"/>
      <c r="AA1" s="85"/>
      <c r="AB1" s="85"/>
      <c r="AC1" s="85"/>
      <c r="AD1" s="85"/>
      <c r="AE1" s="85"/>
      <c r="AF1" s="85"/>
      <c r="AG1" s="85"/>
      <c r="AH1" s="85"/>
      <c r="AI1" s="85"/>
      <c r="AJ1" s="85"/>
      <c r="AK1" s="85"/>
      <c r="AL1" s="85"/>
      <c r="AM1" s="85"/>
      <c r="AN1" s="85"/>
      <c r="AO1" s="85"/>
      <c r="AP1" s="85"/>
      <c r="AQ1" s="85"/>
      <c r="AR1" s="85"/>
      <c r="AS1" s="85"/>
      <c r="AT1" s="85"/>
      <c r="AU1" s="85"/>
      <c r="AV1" s="1"/>
      <c r="AW1" s="1"/>
    </row>
    <row r="2" spans="1:49" ht="22.5" customHeight="1" x14ac:dyDescent="0.2">
      <c r="A2" s="1"/>
      <c r="B2" s="85"/>
      <c r="C2" s="86"/>
      <c r="D2" s="158" t="s">
        <v>132</v>
      </c>
      <c r="E2" s="92"/>
      <c r="F2" s="92"/>
      <c r="G2" s="92"/>
      <c r="H2" s="92"/>
      <c r="I2" s="92"/>
      <c r="J2" s="92"/>
      <c r="K2" s="92"/>
      <c r="L2" s="92"/>
      <c r="M2" s="92"/>
      <c r="N2" s="92"/>
      <c r="O2" s="92"/>
      <c r="P2" s="92"/>
      <c r="Q2" s="92"/>
      <c r="R2" s="92"/>
      <c r="S2" s="92"/>
      <c r="T2" s="92"/>
      <c r="U2" s="92"/>
      <c r="V2" s="92"/>
      <c r="W2" s="92"/>
      <c r="Y2" s="93"/>
      <c r="Z2" s="93"/>
      <c r="AA2" s="93"/>
      <c r="AB2" s="93"/>
      <c r="AC2" s="93"/>
      <c r="AD2" s="93"/>
      <c r="AE2" s="93"/>
      <c r="AF2" s="93"/>
      <c r="AG2" s="93"/>
      <c r="AH2" s="741" t="s">
        <v>57</v>
      </c>
      <c r="AI2" s="741"/>
      <c r="AJ2" s="741"/>
      <c r="AK2" s="741"/>
      <c r="AL2" s="741"/>
      <c r="AM2" s="741"/>
      <c r="AN2" s="741"/>
      <c r="AO2" s="741"/>
      <c r="AP2" s="741"/>
      <c r="AQ2" s="741"/>
      <c r="AR2" s="135"/>
      <c r="AS2" s="135"/>
      <c r="AT2" s="86"/>
      <c r="AU2" s="85"/>
      <c r="AV2" s="1"/>
      <c r="AW2" s="1"/>
    </row>
    <row r="3" spans="1:49" ht="22.5" customHeight="1" x14ac:dyDescent="0.2">
      <c r="A3" s="1"/>
      <c r="B3" s="85"/>
      <c r="C3" s="86"/>
      <c r="D3" s="42"/>
      <c r="E3" s="99" t="s">
        <v>198</v>
      </c>
      <c r="F3" s="92"/>
      <c r="G3" s="92"/>
      <c r="H3" s="92"/>
      <c r="I3" s="92"/>
      <c r="J3" s="92"/>
      <c r="K3" s="92"/>
      <c r="L3" s="92"/>
      <c r="M3" s="92"/>
      <c r="N3" s="92"/>
      <c r="O3" s="92"/>
      <c r="P3" s="92"/>
      <c r="Q3" s="92"/>
      <c r="R3" s="92"/>
      <c r="S3" s="92"/>
      <c r="T3" s="92"/>
      <c r="U3" s="92"/>
      <c r="V3" s="92"/>
      <c r="W3" s="92"/>
      <c r="X3" s="92"/>
      <c r="Y3" s="92"/>
      <c r="Z3" s="92"/>
      <c r="AA3" s="92"/>
      <c r="AB3" s="92"/>
      <c r="AC3" s="92"/>
      <c r="AD3" s="92"/>
      <c r="AE3" s="92"/>
      <c r="AF3" s="92"/>
      <c r="AG3" s="92"/>
      <c r="AH3" s="92" t="s">
        <v>58</v>
      </c>
      <c r="AI3" s="94"/>
      <c r="AJ3" s="94"/>
      <c r="AK3" s="92"/>
      <c r="AL3" s="131"/>
      <c r="AM3" s="131"/>
      <c r="AN3" s="131"/>
      <c r="AO3" s="131"/>
      <c r="AP3" s="131"/>
      <c r="AQ3" s="131"/>
      <c r="AR3" s="131"/>
      <c r="AS3" s="131"/>
      <c r="AT3" s="86"/>
      <c r="AU3" s="85"/>
      <c r="AV3" s="1"/>
      <c r="AW3" s="1"/>
    </row>
    <row r="4" spans="1:49" ht="9" customHeight="1" x14ac:dyDescent="0.45">
      <c r="A4" s="1"/>
      <c r="B4" s="85"/>
      <c r="C4" s="86"/>
      <c r="D4" s="42"/>
      <c r="E4" s="95"/>
      <c r="F4" s="95"/>
      <c r="G4" s="95"/>
      <c r="H4" s="95"/>
      <c r="I4" s="95"/>
      <c r="J4" s="95"/>
      <c r="K4" s="95"/>
      <c r="L4" s="95"/>
      <c r="M4" s="95"/>
      <c r="N4" s="95"/>
      <c r="O4" s="95"/>
      <c r="P4" s="95"/>
      <c r="Q4" s="95"/>
      <c r="R4" s="95"/>
      <c r="S4" s="95"/>
      <c r="T4" s="92"/>
      <c r="U4" s="92"/>
      <c r="V4" s="92"/>
      <c r="W4" s="92"/>
      <c r="X4" s="92"/>
      <c r="Y4" s="92"/>
      <c r="Z4" s="92"/>
      <c r="AA4" s="92"/>
      <c r="AB4" s="92"/>
      <c r="AC4" s="92"/>
      <c r="AD4" s="92"/>
      <c r="AE4" s="92"/>
      <c r="AF4" s="92"/>
      <c r="AG4" s="92"/>
      <c r="AH4" s="742" t="s">
        <v>164</v>
      </c>
      <c r="AI4" s="742"/>
      <c r="AJ4" s="742"/>
      <c r="AK4" s="742"/>
      <c r="AL4" s="742"/>
      <c r="AM4" s="742"/>
      <c r="AN4" s="742"/>
      <c r="AO4" s="742"/>
      <c r="AP4" s="742"/>
      <c r="AQ4" s="742"/>
      <c r="AR4" s="742"/>
      <c r="AS4" s="742"/>
      <c r="AT4" s="86"/>
      <c r="AU4" s="85"/>
      <c r="AV4" s="1"/>
      <c r="AW4" s="77"/>
    </row>
    <row r="5" spans="1:49" ht="22.5" customHeight="1" thickBot="1" x14ac:dyDescent="0.25">
      <c r="A5" s="1"/>
      <c r="B5" s="85"/>
      <c r="C5" s="86"/>
      <c r="D5" s="42"/>
      <c r="E5" s="97"/>
      <c r="F5" s="97"/>
      <c r="G5" s="97"/>
      <c r="H5" s="97"/>
      <c r="I5" s="97"/>
      <c r="J5" s="97"/>
      <c r="K5" s="97"/>
      <c r="L5" s="97"/>
      <c r="M5" s="97"/>
      <c r="N5" s="97"/>
      <c r="O5" s="97"/>
      <c r="P5" s="97"/>
      <c r="Q5" s="97"/>
      <c r="R5" s="97"/>
      <c r="S5" s="98" t="s">
        <v>59</v>
      </c>
      <c r="T5" s="92"/>
      <c r="U5" s="92"/>
      <c r="V5" s="92"/>
      <c r="W5" s="92"/>
      <c r="X5" s="92"/>
      <c r="Y5" s="92"/>
      <c r="Z5" s="92"/>
      <c r="AA5" s="92"/>
      <c r="AB5" s="92"/>
      <c r="AC5" s="92"/>
      <c r="AD5" s="92"/>
      <c r="AE5" s="92"/>
      <c r="AF5" s="92"/>
      <c r="AG5" s="96"/>
      <c r="AH5" s="742"/>
      <c r="AI5" s="742"/>
      <c r="AJ5" s="742"/>
      <c r="AK5" s="742"/>
      <c r="AL5" s="742"/>
      <c r="AM5" s="742"/>
      <c r="AN5" s="742"/>
      <c r="AO5" s="742"/>
      <c r="AP5" s="742"/>
      <c r="AQ5" s="742"/>
      <c r="AR5" s="742"/>
      <c r="AS5" s="742"/>
      <c r="AT5" s="86"/>
      <c r="AU5" s="85"/>
      <c r="AV5" s="1"/>
      <c r="AW5" s="1"/>
    </row>
    <row r="6" spans="1:49" ht="18" customHeight="1" x14ac:dyDescent="0.2">
      <c r="A6" s="1"/>
      <c r="B6" s="85"/>
      <c r="C6" s="86"/>
      <c r="D6" s="42"/>
      <c r="E6" s="92"/>
      <c r="F6" s="92"/>
      <c r="G6" s="92"/>
      <c r="H6" s="92"/>
      <c r="I6" s="92"/>
      <c r="J6" s="92"/>
      <c r="K6" s="92"/>
      <c r="L6" s="92"/>
      <c r="M6" s="92"/>
      <c r="N6" s="92"/>
      <c r="O6" s="92"/>
      <c r="P6" s="92"/>
      <c r="Q6" s="92"/>
      <c r="R6" s="92"/>
      <c r="S6" s="92"/>
      <c r="T6" s="92"/>
      <c r="U6" s="92"/>
      <c r="V6" s="92"/>
      <c r="W6" s="92"/>
      <c r="X6" s="92"/>
      <c r="Y6" s="92"/>
      <c r="Z6" s="92"/>
      <c r="AA6" s="92"/>
      <c r="AB6" s="92"/>
      <c r="AC6" s="92"/>
      <c r="AD6" s="92"/>
      <c r="AE6" s="92"/>
      <c r="AF6" s="92"/>
      <c r="AG6" s="92"/>
      <c r="AH6" s="742"/>
      <c r="AI6" s="742"/>
      <c r="AJ6" s="742"/>
      <c r="AK6" s="742"/>
      <c r="AL6" s="742"/>
      <c r="AM6" s="742"/>
      <c r="AN6" s="742"/>
      <c r="AO6" s="742"/>
      <c r="AP6" s="742"/>
      <c r="AQ6" s="742"/>
      <c r="AR6" s="742"/>
      <c r="AS6" s="742"/>
      <c r="AT6" s="86"/>
      <c r="AU6" s="85"/>
      <c r="AV6" s="1"/>
      <c r="AW6" s="1"/>
    </row>
    <row r="7" spans="1:49" ht="22.5" customHeight="1" x14ac:dyDescent="0.2">
      <c r="A7" s="1"/>
      <c r="B7" s="85"/>
      <c r="C7" s="743" t="s">
        <v>134</v>
      </c>
      <c r="D7" s="743"/>
      <c r="E7" s="743"/>
      <c r="F7" s="743"/>
      <c r="G7" s="743"/>
      <c r="H7" s="743"/>
      <c r="I7" s="743"/>
      <c r="J7" s="743"/>
      <c r="K7" s="743"/>
      <c r="L7" s="743"/>
      <c r="M7" s="743"/>
      <c r="N7" s="743"/>
      <c r="O7" s="743"/>
      <c r="P7" s="743"/>
      <c r="Q7" s="743"/>
      <c r="R7" s="743"/>
      <c r="S7" s="743"/>
      <c r="T7" s="743"/>
      <c r="U7" s="743"/>
      <c r="V7" s="743"/>
      <c r="W7" s="743"/>
      <c r="X7" s="743"/>
      <c r="Y7" s="743"/>
      <c r="Z7" s="743"/>
      <c r="AA7" s="743"/>
      <c r="AB7" s="743"/>
      <c r="AC7" s="743"/>
      <c r="AD7" s="743"/>
      <c r="AE7" s="743"/>
      <c r="AF7" s="743"/>
      <c r="AG7" s="743"/>
      <c r="AH7" s="743"/>
      <c r="AI7" s="743"/>
      <c r="AJ7" s="743"/>
      <c r="AK7" s="743"/>
      <c r="AL7" s="743"/>
      <c r="AM7" s="743"/>
      <c r="AN7" s="743"/>
      <c r="AO7" s="743"/>
      <c r="AP7" s="743"/>
      <c r="AQ7" s="743"/>
      <c r="AR7" s="743"/>
      <c r="AS7" s="743"/>
      <c r="AT7" s="743"/>
      <c r="AU7" s="85"/>
      <c r="AV7" s="1"/>
      <c r="AW7" s="1"/>
    </row>
    <row r="8" spans="1:49" ht="13.5" customHeight="1" x14ac:dyDescent="0.2">
      <c r="A8" s="3"/>
      <c r="B8" s="85"/>
      <c r="C8" s="86"/>
      <c r="D8" s="4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2"/>
      <c r="AS8" s="92"/>
      <c r="AT8" s="86"/>
      <c r="AU8" s="85"/>
      <c r="AV8" s="1"/>
      <c r="AW8" s="1"/>
    </row>
    <row r="9" spans="1:49" s="4" customFormat="1" ht="22.5" customHeight="1" thickBot="1" x14ac:dyDescent="0.25">
      <c r="A9" s="3"/>
      <c r="B9" s="85"/>
      <c r="C9" s="86"/>
      <c r="D9" s="42"/>
      <c r="E9" s="99" t="s">
        <v>133</v>
      </c>
      <c r="F9" s="100"/>
      <c r="G9" s="92"/>
      <c r="H9" s="92"/>
      <c r="I9" s="92"/>
      <c r="J9" s="92"/>
      <c r="K9" s="92"/>
      <c r="L9" s="92"/>
      <c r="M9" s="92"/>
      <c r="N9" s="92"/>
      <c r="O9" s="92"/>
      <c r="P9" s="92"/>
      <c r="Q9" s="92"/>
      <c r="R9" s="92"/>
      <c r="S9" s="92"/>
      <c r="T9" s="92"/>
      <c r="U9" s="92"/>
      <c r="V9" s="92"/>
      <c r="W9" s="92"/>
      <c r="X9" s="92"/>
      <c r="Y9" s="92"/>
      <c r="Z9" s="92"/>
      <c r="AA9" s="92"/>
      <c r="AB9" s="92"/>
      <c r="AC9" s="92"/>
      <c r="AD9" s="92"/>
      <c r="AE9" s="92"/>
      <c r="AF9" s="92"/>
      <c r="AG9" s="92"/>
      <c r="AH9" s="92"/>
      <c r="AI9" s="92"/>
      <c r="AJ9" s="92"/>
      <c r="AK9" s="92"/>
      <c r="AL9" s="92"/>
      <c r="AM9" s="92"/>
      <c r="AN9" s="92"/>
      <c r="AO9" s="92"/>
      <c r="AP9" s="92"/>
      <c r="AQ9" s="92"/>
      <c r="AR9" s="92"/>
      <c r="AS9" s="92"/>
      <c r="AT9" s="86"/>
      <c r="AU9" s="85"/>
      <c r="AV9" s="3"/>
      <c r="AW9" s="36"/>
    </row>
    <row r="10" spans="1:49" ht="22.5" customHeight="1" x14ac:dyDescent="0.2">
      <c r="A10" s="1"/>
      <c r="B10" s="85"/>
      <c r="C10" s="86"/>
      <c r="D10" s="702" t="s">
        <v>94</v>
      </c>
      <c r="E10" s="213" t="s">
        <v>4</v>
      </c>
      <c r="F10" s="213"/>
      <c r="G10" s="213"/>
      <c r="H10" s="213"/>
      <c r="I10" s="214"/>
      <c r="J10" s="214"/>
      <c r="K10" s="214"/>
      <c r="L10" s="214"/>
      <c r="M10" s="214"/>
      <c r="N10" s="214"/>
      <c r="O10" s="214"/>
      <c r="P10" s="214"/>
      <c r="Q10" s="215"/>
      <c r="R10" s="216" t="s">
        <v>2</v>
      </c>
      <c r="S10" s="213"/>
      <c r="T10" s="213"/>
      <c r="U10" s="213"/>
      <c r="V10" s="214"/>
      <c r="W10" s="214"/>
      <c r="X10" s="214"/>
      <c r="Y10" s="214"/>
      <c r="Z10" s="214"/>
      <c r="AA10" s="214"/>
      <c r="AB10" s="214"/>
      <c r="AC10" s="214"/>
      <c r="AD10" s="214"/>
      <c r="AE10" s="215"/>
      <c r="AF10" s="216" t="s">
        <v>6</v>
      </c>
      <c r="AG10" s="213"/>
      <c r="AH10" s="213"/>
      <c r="AI10" s="213"/>
      <c r="AJ10" s="214"/>
      <c r="AK10" s="214"/>
      <c r="AL10" s="214"/>
      <c r="AM10" s="214"/>
      <c r="AN10" s="214"/>
      <c r="AO10" s="214"/>
      <c r="AP10" s="214"/>
      <c r="AQ10" s="214"/>
      <c r="AR10" s="214"/>
      <c r="AS10" s="217"/>
      <c r="AT10" s="86"/>
      <c r="AU10" s="85"/>
      <c r="AV10" s="1"/>
      <c r="AW10" s="1"/>
    </row>
    <row r="11" spans="1:49" ht="22.5" customHeight="1" thickBot="1" x14ac:dyDescent="0.25">
      <c r="A11" s="1"/>
      <c r="B11" s="85"/>
      <c r="C11" s="86"/>
      <c r="D11" s="703"/>
      <c r="E11" s="267" t="s">
        <v>61</v>
      </c>
      <c r="F11" s="268"/>
      <c r="G11" s="268"/>
      <c r="H11" s="268"/>
      <c r="I11" s="268"/>
      <c r="J11" s="268"/>
      <c r="K11" s="268"/>
      <c r="L11" s="266"/>
      <c r="M11" s="266"/>
      <c r="N11" s="266"/>
      <c r="O11" s="266"/>
      <c r="P11" s="266"/>
      <c r="Q11" s="266"/>
      <c r="R11" s="266"/>
      <c r="S11" s="266"/>
      <c r="T11" s="266"/>
      <c r="U11" s="266"/>
      <c r="V11" s="266"/>
      <c r="W11" s="266"/>
      <c r="X11" s="266"/>
      <c r="Y11" s="266"/>
      <c r="Z11" s="266"/>
      <c r="AA11" s="266"/>
      <c r="AB11" s="266"/>
      <c r="AC11" s="266"/>
      <c r="AD11" s="266"/>
      <c r="AE11" s="269"/>
      <c r="AF11" s="270" t="s">
        <v>1</v>
      </c>
      <c r="AG11" s="268"/>
      <c r="AH11" s="268"/>
      <c r="AI11" s="268"/>
      <c r="AJ11" s="271"/>
      <c r="AK11" s="271"/>
      <c r="AL11" s="271"/>
      <c r="AM11" s="271"/>
      <c r="AN11" s="271"/>
      <c r="AO11" s="271"/>
      <c r="AP11" s="271"/>
      <c r="AQ11" s="271"/>
      <c r="AR11" s="271"/>
      <c r="AS11" s="272"/>
      <c r="AT11" s="86"/>
      <c r="AU11" s="85"/>
      <c r="AV11" s="1"/>
      <c r="AW11" s="1"/>
    </row>
    <row r="12" spans="1:49" ht="22.5" customHeight="1" thickTop="1" x14ac:dyDescent="0.2">
      <c r="A12" s="1"/>
      <c r="B12" s="85"/>
      <c r="C12" s="86"/>
      <c r="D12" s="835"/>
      <c r="E12" s="273" t="s">
        <v>199</v>
      </c>
      <c r="F12" s="92"/>
      <c r="G12" s="92"/>
      <c r="H12" s="92"/>
      <c r="I12" s="92"/>
      <c r="J12" s="92"/>
      <c r="K12" s="92"/>
      <c r="L12" s="92"/>
      <c r="M12" s="92"/>
      <c r="N12" s="303"/>
      <c r="O12" s="92"/>
      <c r="P12" s="92"/>
      <c r="Q12" s="92"/>
      <c r="R12" s="92"/>
      <c r="S12" s="92"/>
      <c r="T12" s="92"/>
      <c r="U12" s="92"/>
      <c r="V12" s="92"/>
      <c r="W12" s="92"/>
      <c r="X12" s="92"/>
      <c r="Y12" s="92"/>
      <c r="Z12" s="92"/>
      <c r="AA12" s="92"/>
      <c r="AB12" s="92"/>
      <c r="AC12" s="92"/>
      <c r="AD12" s="92"/>
      <c r="AE12" s="92"/>
      <c r="AF12" s="92"/>
      <c r="AG12" s="92"/>
      <c r="AH12" s="92"/>
      <c r="AI12" s="92"/>
      <c r="AJ12" s="92"/>
      <c r="AK12" s="92"/>
      <c r="AL12" s="92"/>
      <c r="AM12" s="92"/>
      <c r="AN12" s="92"/>
      <c r="AO12" s="92"/>
      <c r="AP12" s="92"/>
      <c r="AQ12" s="92"/>
      <c r="AR12" s="92"/>
      <c r="AS12" s="287"/>
      <c r="AT12" s="86"/>
      <c r="AU12" s="85"/>
      <c r="AV12" s="1"/>
      <c r="AW12" s="1"/>
    </row>
    <row r="13" spans="1:49" ht="22.5" customHeight="1" x14ac:dyDescent="0.2">
      <c r="A13" s="1"/>
      <c r="B13" s="85"/>
      <c r="C13" s="86"/>
      <c r="D13" s="835"/>
      <c r="E13" s="274"/>
      <c r="F13" s="112"/>
      <c r="G13" s="112"/>
      <c r="H13" s="112"/>
      <c r="I13" s="112"/>
      <c r="J13" s="112"/>
      <c r="K13" s="112"/>
      <c r="L13" s="112"/>
      <c r="M13" s="112"/>
      <c r="N13" s="239"/>
      <c r="O13" s="112"/>
      <c r="P13" s="112"/>
      <c r="Q13" s="112"/>
      <c r="R13" s="112"/>
      <c r="S13" s="112"/>
      <c r="T13" s="112"/>
      <c r="U13" s="112"/>
      <c r="V13" s="112"/>
      <c r="W13" s="112"/>
      <c r="X13" s="112"/>
      <c r="Y13" s="112"/>
      <c r="Z13" s="112"/>
      <c r="AA13" s="112"/>
      <c r="AB13" s="112"/>
      <c r="AC13" s="112"/>
      <c r="AD13" s="112"/>
      <c r="AE13" s="112"/>
      <c r="AF13" s="112"/>
      <c r="AG13" s="112"/>
      <c r="AH13" s="112"/>
      <c r="AI13" s="112"/>
      <c r="AJ13" s="112"/>
      <c r="AK13" s="112"/>
      <c r="AL13" s="112"/>
      <c r="AM13" s="112"/>
      <c r="AN13" s="112"/>
      <c r="AO13" s="112"/>
      <c r="AP13" s="112"/>
      <c r="AQ13" s="112"/>
      <c r="AR13" s="112"/>
      <c r="AS13" s="288"/>
      <c r="AT13" s="86"/>
      <c r="AU13" s="85"/>
      <c r="AV13" s="1"/>
      <c r="AW13" s="1"/>
    </row>
    <row r="14" spans="1:49" ht="22.5" customHeight="1" x14ac:dyDescent="0.2">
      <c r="A14" s="1"/>
      <c r="B14" s="85"/>
      <c r="C14" s="86"/>
      <c r="D14" s="835"/>
      <c r="E14" s="275" t="s">
        <v>3</v>
      </c>
      <c r="F14" s="114"/>
      <c r="G14" s="114"/>
      <c r="H14" s="114"/>
      <c r="I14" s="115"/>
      <c r="J14" s="115"/>
      <c r="K14" s="115"/>
      <c r="L14" s="115"/>
      <c r="M14" s="115"/>
      <c r="N14" s="115"/>
      <c r="O14" s="115"/>
      <c r="P14" s="115"/>
      <c r="Q14" s="115"/>
      <c r="R14" s="115"/>
      <c r="S14" s="115"/>
      <c r="T14" s="115"/>
      <c r="U14" s="115"/>
      <c r="V14" s="115"/>
      <c r="W14" s="115"/>
      <c r="X14" s="115"/>
      <c r="Y14" s="115"/>
      <c r="Z14" s="115"/>
      <c r="AA14" s="115"/>
      <c r="AB14" s="115"/>
      <c r="AC14" s="115"/>
      <c r="AD14" s="115"/>
      <c r="AE14" s="116"/>
      <c r="AF14" s="117" t="s">
        <v>62</v>
      </c>
      <c r="AG14" s="114"/>
      <c r="AH14" s="114"/>
      <c r="AI14" s="114"/>
      <c r="AJ14" s="114"/>
      <c r="AK14" s="114"/>
      <c r="AL14" s="114"/>
      <c r="AM14" s="114"/>
      <c r="AN14" s="114"/>
      <c r="AO14" s="114"/>
      <c r="AP14" s="114"/>
      <c r="AQ14" s="114"/>
      <c r="AR14" s="114"/>
      <c r="AS14" s="289"/>
      <c r="AT14" s="86"/>
      <c r="AU14" s="85"/>
      <c r="AV14" s="1"/>
      <c r="AW14" s="1"/>
    </row>
    <row r="15" spans="1:49" ht="22.5" customHeight="1" x14ac:dyDescent="0.2">
      <c r="B15" s="85"/>
      <c r="C15" s="86"/>
      <c r="D15" s="835"/>
      <c r="E15" s="276" t="s">
        <v>200</v>
      </c>
      <c r="F15" s="92"/>
      <c r="G15" s="92"/>
      <c r="H15" s="92"/>
      <c r="I15" s="92"/>
      <c r="J15" s="92"/>
      <c r="K15" s="92"/>
      <c r="L15" s="92"/>
      <c r="M15" s="92"/>
      <c r="N15" s="92"/>
      <c r="O15" s="92"/>
      <c r="P15" s="92"/>
      <c r="Q15" s="92"/>
      <c r="R15" s="92"/>
      <c r="S15" s="92"/>
      <c r="T15" s="92"/>
      <c r="U15" s="92"/>
      <c r="V15" s="92"/>
      <c r="W15" s="92"/>
      <c r="X15" s="92"/>
      <c r="Y15" s="92"/>
      <c r="Z15" s="92"/>
      <c r="AA15" s="92"/>
      <c r="AB15" s="92"/>
      <c r="AC15" s="92"/>
      <c r="AD15" s="92"/>
      <c r="AE15" s="92"/>
      <c r="AF15" s="119"/>
      <c r="AG15" s="92"/>
      <c r="AH15" s="92"/>
      <c r="AI15" s="92"/>
      <c r="AJ15" s="92"/>
      <c r="AK15" s="92"/>
      <c r="AL15" s="92"/>
      <c r="AM15" s="92"/>
      <c r="AN15" s="92"/>
      <c r="AO15" s="92"/>
      <c r="AP15" s="92"/>
      <c r="AQ15" s="92"/>
      <c r="AR15" s="92"/>
      <c r="AS15" s="287"/>
      <c r="AT15" s="86"/>
      <c r="AU15" s="85"/>
    </row>
    <row r="16" spans="1:49" ht="22.5" customHeight="1" thickBot="1" x14ac:dyDescent="0.25">
      <c r="B16" s="85"/>
      <c r="C16" s="86"/>
      <c r="D16" s="847"/>
      <c r="E16" s="277"/>
      <c r="F16" s="278"/>
      <c r="G16" s="278"/>
      <c r="H16" s="278"/>
      <c r="I16" s="278"/>
      <c r="J16" s="278"/>
      <c r="K16" s="278"/>
      <c r="L16" s="278"/>
      <c r="M16" s="278"/>
      <c r="N16" s="278"/>
      <c r="O16" s="278"/>
      <c r="P16" s="278"/>
      <c r="Q16" s="278"/>
      <c r="R16" s="278"/>
      <c r="S16" s="278"/>
      <c r="T16" s="278"/>
      <c r="U16" s="278"/>
      <c r="V16" s="278"/>
      <c r="W16" s="278"/>
      <c r="X16" s="278"/>
      <c r="Y16" s="278"/>
      <c r="Z16" s="278"/>
      <c r="AA16" s="278"/>
      <c r="AB16" s="278"/>
      <c r="AC16" s="278"/>
      <c r="AD16" s="278"/>
      <c r="AE16" s="279"/>
      <c r="AF16" s="280"/>
      <c r="AG16" s="974" t="s">
        <v>63</v>
      </c>
      <c r="AH16" s="974"/>
      <c r="AI16" s="974"/>
      <c r="AJ16" s="974"/>
      <c r="AK16" s="974"/>
      <c r="AL16" s="974"/>
      <c r="AM16" s="974"/>
      <c r="AN16" s="974"/>
      <c r="AO16" s="974"/>
      <c r="AP16" s="974"/>
      <c r="AQ16" s="974"/>
      <c r="AR16" s="974"/>
      <c r="AS16" s="975"/>
      <c r="AT16" s="86"/>
      <c r="AU16" s="85"/>
    </row>
    <row r="17" spans="2:52" ht="22.5" customHeight="1" thickTop="1" x14ac:dyDescent="0.2">
      <c r="B17" s="85"/>
      <c r="C17" s="86"/>
      <c r="D17" s="702" t="s">
        <v>12</v>
      </c>
      <c r="E17" s="281" t="s">
        <v>4</v>
      </c>
      <c r="F17" s="282"/>
      <c r="G17" s="282"/>
      <c r="H17" s="282"/>
      <c r="I17" s="283"/>
      <c r="J17" s="283"/>
      <c r="K17" s="283"/>
      <c r="L17" s="283"/>
      <c r="M17" s="283"/>
      <c r="N17" s="283"/>
      <c r="O17" s="283"/>
      <c r="P17" s="283"/>
      <c r="Q17" s="284"/>
      <c r="R17" s="285" t="s">
        <v>2</v>
      </c>
      <c r="S17" s="282"/>
      <c r="T17" s="282"/>
      <c r="U17" s="282"/>
      <c r="V17" s="283"/>
      <c r="W17" s="283"/>
      <c r="X17" s="283"/>
      <c r="Y17" s="283"/>
      <c r="Z17" s="283"/>
      <c r="AA17" s="283"/>
      <c r="AB17" s="283"/>
      <c r="AC17" s="283"/>
      <c r="AD17" s="283"/>
      <c r="AE17" s="284"/>
      <c r="AF17" s="285" t="s">
        <v>6</v>
      </c>
      <c r="AG17" s="282"/>
      <c r="AH17" s="282"/>
      <c r="AI17" s="282"/>
      <c r="AJ17" s="283"/>
      <c r="AK17" s="283"/>
      <c r="AL17" s="283"/>
      <c r="AM17" s="283"/>
      <c r="AN17" s="283"/>
      <c r="AO17" s="283"/>
      <c r="AP17" s="283"/>
      <c r="AQ17" s="283"/>
      <c r="AR17" s="283"/>
      <c r="AS17" s="286"/>
      <c r="AT17" s="86"/>
      <c r="AU17" s="85"/>
    </row>
    <row r="18" spans="2:52" ht="22.5" customHeight="1" thickBot="1" x14ac:dyDescent="0.25">
      <c r="B18" s="85"/>
      <c r="C18" s="86"/>
      <c r="D18" s="703"/>
      <c r="E18" s="290" t="s">
        <v>61</v>
      </c>
      <c r="F18" s="291"/>
      <c r="G18" s="291"/>
      <c r="H18" s="291"/>
      <c r="I18" s="291"/>
      <c r="J18" s="291"/>
      <c r="K18" s="291"/>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3"/>
      <c r="AT18" s="86"/>
      <c r="AU18" s="85"/>
    </row>
    <row r="19" spans="2:52" ht="22.5" customHeight="1" thickTop="1" x14ac:dyDescent="0.2">
      <c r="B19" s="85"/>
      <c r="C19" s="86"/>
      <c r="D19" s="835"/>
      <c r="E19" s="294" t="s">
        <v>201</v>
      </c>
      <c r="F19" s="61"/>
      <c r="G19" s="61"/>
      <c r="H19" s="61"/>
      <c r="I19" s="61"/>
      <c r="J19" s="61"/>
      <c r="K19" s="61"/>
      <c r="L19" s="61"/>
      <c r="M19" s="61"/>
      <c r="N19" s="61"/>
      <c r="O19" s="61"/>
      <c r="P19" s="61"/>
      <c r="Q19" s="61"/>
      <c r="R19" s="61"/>
      <c r="S19" s="61"/>
      <c r="T19" s="61"/>
      <c r="U19" s="61"/>
      <c r="V19" s="61"/>
      <c r="W19" s="61"/>
      <c r="X19" s="61"/>
      <c r="Y19" s="61"/>
      <c r="Z19" s="61"/>
      <c r="AA19" s="61"/>
      <c r="AB19" s="61"/>
      <c r="AC19" s="61"/>
      <c r="AD19" s="61"/>
      <c r="AE19" s="61"/>
      <c r="AF19" s="61"/>
      <c r="AG19" s="61"/>
      <c r="AH19" s="61"/>
      <c r="AI19" s="61"/>
      <c r="AJ19" s="61"/>
      <c r="AK19" s="61"/>
      <c r="AL19" s="61"/>
      <c r="AM19" s="61"/>
      <c r="AN19" s="61"/>
      <c r="AO19" s="61"/>
      <c r="AP19" s="61"/>
      <c r="AQ19" s="61"/>
      <c r="AR19" s="61"/>
      <c r="AS19" s="299"/>
      <c r="AT19" s="86"/>
      <c r="AU19" s="85"/>
    </row>
    <row r="20" spans="2:52" ht="22.5" customHeight="1" x14ac:dyDescent="0.2">
      <c r="B20" s="85"/>
      <c r="C20" s="86"/>
      <c r="D20" s="835"/>
      <c r="E20" s="295"/>
      <c r="F20" s="90"/>
      <c r="G20" s="90"/>
      <c r="H20" s="90"/>
      <c r="I20" s="90"/>
      <c r="J20" s="90"/>
      <c r="K20" s="90"/>
      <c r="L20" s="90"/>
      <c r="M20" s="90"/>
      <c r="N20" s="90"/>
      <c r="O20" s="90"/>
      <c r="P20" s="90"/>
      <c r="Q20" s="90"/>
      <c r="R20" s="90"/>
      <c r="S20" s="90"/>
      <c r="T20" s="90"/>
      <c r="U20" s="90"/>
      <c r="V20" s="90"/>
      <c r="W20" s="90"/>
      <c r="X20" s="90"/>
      <c r="Y20" s="90"/>
      <c r="Z20" s="90"/>
      <c r="AA20" s="90"/>
      <c r="AB20" s="90"/>
      <c r="AC20" s="90"/>
      <c r="AD20" s="90"/>
      <c r="AE20" s="90"/>
      <c r="AF20" s="90"/>
      <c r="AG20" s="90"/>
      <c r="AH20" s="90"/>
      <c r="AI20" s="90"/>
      <c r="AJ20" s="90"/>
      <c r="AK20" s="90"/>
      <c r="AL20" s="90"/>
      <c r="AM20" s="90"/>
      <c r="AN20" s="90"/>
      <c r="AO20" s="90"/>
      <c r="AP20" s="90"/>
      <c r="AQ20" s="90"/>
      <c r="AR20" s="90"/>
      <c r="AS20" s="300"/>
      <c r="AT20" s="86"/>
      <c r="AU20" s="85"/>
    </row>
    <row r="21" spans="2:52" ht="22.5" customHeight="1" x14ac:dyDescent="0.2">
      <c r="B21" s="85"/>
      <c r="C21" s="86"/>
      <c r="D21" s="835"/>
      <c r="E21" s="296" t="s">
        <v>3</v>
      </c>
      <c r="F21" s="66"/>
      <c r="G21" s="66"/>
      <c r="H21" s="66"/>
      <c r="I21" s="91"/>
      <c r="J21" s="91"/>
      <c r="K21" s="91"/>
      <c r="L21" s="91"/>
      <c r="M21" s="91"/>
      <c r="N21" s="91"/>
      <c r="O21" s="91"/>
      <c r="P21" s="91"/>
      <c r="Q21" s="91"/>
      <c r="R21" s="91"/>
      <c r="S21" s="91"/>
      <c r="T21" s="91"/>
      <c r="U21" s="91"/>
      <c r="V21" s="91"/>
      <c r="W21" s="91"/>
      <c r="X21" s="91"/>
      <c r="Y21" s="91"/>
      <c r="Z21" s="91"/>
      <c r="AA21" s="91"/>
      <c r="AB21" s="91"/>
      <c r="AC21" s="91"/>
      <c r="AD21" s="91"/>
      <c r="AE21" s="91"/>
      <c r="AF21" s="91"/>
      <c r="AG21" s="91"/>
      <c r="AH21" s="91"/>
      <c r="AI21" s="91"/>
      <c r="AJ21" s="91"/>
      <c r="AK21" s="91"/>
      <c r="AL21" s="91"/>
      <c r="AM21" s="91"/>
      <c r="AN21" s="91"/>
      <c r="AO21" s="91"/>
      <c r="AP21" s="91"/>
      <c r="AQ21" s="91"/>
      <c r="AR21" s="91"/>
      <c r="AS21" s="301"/>
      <c r="AT21" s="86"/>
      <c r="AU21" s="85"/>
    </row>
    <row r="22" spans="2:52" ht="22.5" customHeight="1" x14ac:dyDescent="0.2">
      <c r="B22" s="85"/>
      <c r="C22" s="86"/>
      <c r="D22" s="835"/>
      <c r="E22" s="297" t="s">
        <v>202</v>
      </c>
      <c r="F22" s="92"/>
      <c r="G22" s="92"/>
      <c r="H22" s="92"/>
      <c r="I22" s="92"/>
      <c r="J22" s="92"/>
      <c r="K22" s="92"/>
      <c r="L22" s="92"/>
      <c r="M22" s="92"/>
      <c r="N22" s="92"/>
      <c r="O22" s="92"/>
      <c r="P22" s="92"/>
      <c r="Q22" s="61"/>
      <c r="R22" s="61"/>
      <c r="S22" s="61"/>
      <c r="T22" s="61"/>
      <c r="U22" s="61"/>
      <c r="V22" s="61"/>
      <c r="W22" s="61"/>
      <c r="X22" s="61"/>
      <c r="Y22" s="61"/>
      <c r="Z22" s="61"/>
      <c r="AA22" s="61"/>
      <c r="AB22" s="61"/>
      <c r="AC22" s="61"/>
      <c r="AD22" s="61"/>
      <c r="AE22" s="61"/>
      <c r="AF22" s="123"/>
      <c r="AG22" s="61"/>
      <c r="AH22" s="61"/>
      <c r="AI22" s="61"/>
      <c r="AJ22" s="61"/>
      <c r="AK22" s="61"/>
      <c r="AL22" s="61"/>
      <c r="AM22" s="61"/>
      <c r="AN22" s="61"/>
      <c r="AO22" s="61"/>
      <c r="AP22" s="61"/>
      <c r="AQ22" s="61"/>
      <c r="AR22" s="61"/>
      <c r="AS22" s="253"/>
      <c r="AT22" s="86"/>
      <c r="AU22" s="85"/>
    </row>
    <row r="23" spans="2:52" ht="22.5" customHeight="1" thickBot="1" x14ac:dyDescent="0.25">
      <c r="B23" s="85"/>
      <c r="C23" s="86"/>
      <c r="D23" s="835"/>
      <c r="E23" s="298"/>
      <c r="F23" s="241"/>
      <c r="G23" s="241"/>
      <c r="H23" s="241"/>
      <c r="I23" s="241"/>
      <c r="J23" s="241"/>
      <c r="K23" s="241"/>
      <c r="L23" s="241"/>
      <c r="M23" s="241"/>
      <c r="N23" s="241"/>
      <c r="O23" s="241"/>
      <c r="P23" s="241"/>
      <c r="Q23" s="241"/>
      <c r="R23" s="241"/>
      <c r="S23" s="241"/>
      <c r="T23" s="241"/>
      <c r="U23" s="241"/>
      <c r="V23" s="241"/>
      <c r="W23" s="241"/>
      <c r="X23" s="241"/>
      <c r="Y23" s="241"/>
      <c r="Z23" s="241"/>
      <c r="AA23" s="241"/>
      <c r="AB23" s="241"/>
      <c r="AC23" s="241"/>
      <c r="AD23" s="241"/>
      <c r="AE23" s="241"/>
      <c r="AF23" s="241"/>
      <c r="AG23" s="241"/>
      <c r="AH23" s="241"/>
      <c r="AI23" s="241"/>
      <c r="AJ23" s="241"/>
      <c r="AK23" s="241"/>
      <c r="AL23" s="241"/>
      <c r="AM23" s="241"/>
      <c r="AN23" s="241"/>
      <c r="AO23" s="241"/>
      <c r="AP23" s="241"/>
      <c r="AQ23" s="241"/>
      <c r="AR23" s="241"/>
      <c r="AS23" s="302"/>
      <c r="AT23" s="86"/>
      <c r="AU23" s="85"/>
    </row>
    <row r="24" spans="2:52" ht="22.5" customHeight="1" thickTop="1" x14ac:dyDescent="0.2">
      <c r="B24" s="85"/>
      <c r="C24" s="86"/>
      <c r="D24" s="703"/>
      <c r="E24" s="389" t="s">
        <v>3</v>
      </c>
      <c r="F24" s="390"/>
      <c r="G24" s="390"/>
      <c r="H24" s="390"/>
      <c r="I24" s="391"/>
      <c r="J24" s="391"/>
      <c r="K24" s="391"/>
      <c r="L24" s="391"/>
      <c r="M24" s="391"/>
      <c r="N24" s="391"/>
      <c r="O24" s="391"/>
      <c r="P24" s="391"/>
      <c r="Q24" s="391"/>
      <c r="R24" s="391"/>
      <c r="S24" s="391"/>
      <c r="T24" s="391"/>
      <c r="U24" s="391"/>
      <c r="V24" s="391"/>
      <c r="W24" s="391"/>
      <c r="X24" s="391"/>
      <c r="Y24" s="391"/>
      <c r="Z24" s="392"/>
      <c r="AA24" s="393" t="s">
        <v>8</v>
      </c>
      <c r="AB24" s="394"/>
      <c r="AC24" s="394"/>
      <c r="AD24" s="394"/>
      <c r="AE24" s="395"/>
      <c r="AF24" s="976" t="s">
        <v>229</v>
      </c>
      <c r="AG24" s="977"/>
      <c r="AH24" s="977"/>
      <c r="AI24" s="977"/>
      <c r="AJ24" s="977"/>
      <c r="AK24" s="977"/>
      <c r="AL24" s="977"/>
      <c r="AM24" s="977"/>
      <c r="AN24" s="977"/>
      <c r="AO24" s="977"/>
      <c r="AP24" s="977"/>
      <c r="AQ24" s="977"/>
      <c r="AR24" s="977"/>
      <c r="AS24" s="978"/>
      <c r="AT24" s="86"/>
      <c r="AU24" s="85"/>
    </row>
    <row r="25" spans="2:52" ht="22.5" customHeight="1" x14ac:dyDescent="0.2">
      <c r="B25" s="85"/>
      <c r="C25" s="86"/>
      <c r="D25" s="703"/>
      <c r="E25" s="396" t="s">
        <v>91</v>
      </c>
      <c r="F25" s="397"/>
      <c r="G25" s="397"/>
      <c r="H25" s="397"/>
      <c r="I25" s="397"/>
      <c r="J25" s="397"/>
      <c r="K25" s="397"/>
      <c r="L25" s="397"/>
      <c r="M25" s="979" t="s">
        <v>100</v>
      </c>
      <c r="N25" s="979"/>
      <c r="O25" s="979"/>
      <c r="P25" s="979"/>
      <c r="Q25" s="979"/>
      <c r="R25" s="979"/>
      <c r="S25" s="979"/>
      <c r="T25" s="979"/>
      <c r="U25" s="979"/>
      <c r="V25" s="979"/>
      <c r="W25" s="979"/>
      <c r="X25" s="979"/>
      <c r="Y25" s="979"/>
      <c r="Z25" s="980"/>
      <c r="AA25" s="398" t="s">
        <v>9</v>
      </c>
      <c r="AB25" s="399"/>
      <c r="AC25" s="399"/>
      <c r="AD25" s="399"/>
      <c r="AE25" s="400"/>
      <c r="AF25" s="401" t="s">
        <v>69</v>
      </c>
      <c r="AG25" s="397"/>
      <c r="AH25" s="397"/>
      <c r="AI25" s="397"/>
      <c r="AJ25" s="397"/>
      <c r="AK25" s="397"/>
      <c r="AL25" s="397"/>
      <c r="AM25" s="397"/>
      <c r="AN25" s="397"/>
      <c r="AO25" s="397"/>
      <c r="AP25" s="397"/>
      <c r="AQ25" s="397"/>
      <c r="AR25" s="397"/>
      <c r="AS25" s="402"/>
      <c r="AT25" s="86"/>
      <c r="AU25" s="85"/>
    </row>
    <row r="26" spans="2:52" ht="22.5" customHeight="1" x14ac:dyDescent="0.2">
      <c r="B26" s="85"/>
      <c r="C26" s="86"/>
      <c r="D26" s="703"/>
      <c r="E26" s="403"/>
      <c r="F26" s="404"/>
      <c r="G26" s="404"/>
      <c r="H26" s="404"/>
      <c r="I26" s="404"/>
      <c r="J26" s="404"/>
      <c r="K26" s="404"/>
      <c r="L26" s="404"/>
      <c r="M26" s="404"/>
      <c r="N26" s="404"/>
      <c r="O26" s="404"/>
      <c r="P26" s="404"/>
      <c r="Q26" s="404"/>
      <c r="R26" s="404"/>
      <c r="S26" s="404"/>
      <c r="T26" s="404"/>
      <c r="U26" s="404"/>
      <c r="V26" s="404"/>
      <c r="W26" s="404"/>
      <c r="X26" s="404"/>
      <c r="Y26" s="404"/>
      <c r="Z26" s="405"/>
      <c r="AA26" s="406"/>
      <c r="AB26" s="407"/>
      <c r="AC26" s="407"/>
      <c r="AD26" s="407"/>
      <c r="AE26" s="408"/>
      <c r="AF26" s="981" t="s">
        <v>70</v>
      </c>
      <c r="AG26" s="982"/>
      <c r="AH26" s="982"/>
      <c r="AI26" s="982"/>
      <c r="AJ26" s="982"/>
      <c r="AK26" s="982"/>
      <c r="AL26" s="982"/>
      <c r="AM26" s="982"/>
      <c r="AN26" s="982"/>
      <c r="AO26" s="982"/>
      <c r="AP26" s="982"/>
      <c r="AQ26" s="982"/>
      <c r="AR26" s="982"/>
      <c r="AS26" s="983"/>
      <c r="AT26" s="86"/>
      <c r="AU26" s="85"/>
    </row>
    <row r="27" spans="2:52" ht="22.5" customHeight="1" x14ac:dyDescent="0.2">
      <c r="B27" s="85"/>
      <c r="C27" s="86"/>
      <c r="D27" s="703"/>
      <c r="E27" s="409" t="s">
        <v>95</v>
      </c>
      <c r="F27" s="410"/>
      <c r="G27" s="410"/>
      <c r="H27" s="410"/>
      <c r="I27" s="410"/>
      <c r="J27" s="410"/>
      <c r="K27" s="410"/>
      <c r="L27" s="410"/>
      <c r="M27" s="410"/>
      <c r="N27" s="410"/>
      <c r="O27" s="410"/>
      <c r="P27" s="410"/>
      <c r="Q27" s="410"/>
      <c r="R27" s="410"/>
      <c r="S27" s="410"/>
      <c r="T27" s="410"/>
      <c r="U27" s="410"/>
      <c r="V27" s="410"/>
      <c r="W27" s="410"/>
      <c r="X27" s="410"/>
      <c r="Y27" s="410"/>
      <c r="Z27" s="411"/>
      <c r="AA27" s="412" t="s">
        <v>71</v>
      </c>
      <c r="AB27" s="413"/>
      <c r="AC27" s="413"/>
      <c r="AD27" s="413"/>
      <c r="AE27" s="414"/>
      <c r="AF27" s="415"/>
      <c r="AG27" s="416"/>
      <c r="AH27" s="416"/>
      <c r="AI27" s="416"/>
      <c r="AJ27" s="416"/>
      <c r="AK27" s="416"/>
      <c r="AL27" s="416"/>
      <c r="AM27" s="416"/>
      <c r="AN27" s="416"/>
      <c r="AO27" s="416"/>
      <c r="AP27" s="416"/>
      <c r="AQ27" s="416"/>
      <c r="AR27" s="416"/>
      <c r="AS27" s="417"/>
      <c r="AT27" s="86"/>
      <c r="AU27" s="85"/>
      <c r="AV27" s="1"/>
      <c r="AW27" s="1"/>
      <c r="AX27" s="2"/>
      <c r="AY27" s="2"/>
      <c r="AZ27" s="2"/>
    </row>
    <row r="28" spans="2:52" ht="22.5" customHeight="1" x14ac:dyDescent="0.2">
      <c r="B28" s="85"/>
      <c r="C28" s="86"/>
      <c r="D28" s="703"/>
      <c r="E28" s="418"/>
      <c r="F28" s="404"/>
      <c r="G28" s="404"/>
      <c r="H28" s="404"/>
      <c r="I28" s="404"/>
      <c r="J28" s="404"/>
      <c r="K28" s="404"/>
      <c r="L28" s="404"/>
      <c r="M28" s="404"/>
      <c r="N28" s="404"/>
      <c r="O28" s="404"/>
      <c r="P28" s="404"/>
      <c r="Q28" s="404"/>
      <c r="R28" s="404"/>
      <c r="S28" s="404"/>
      <c r="T28" s="404"/>
      <c r="U28" s="404"/>
      <c r="V28" s="404"/>
      <c r="W28" s="404"/>
      <c r="X28" s="404"/>
      <c r="Y28" s="404"/>
      <c r="Z28" s="405"/>
      <c r="AA28" s="406"/>
      <c r="AB28" s="407"/>
      <c r="AC28" s="407"/>
      <c r="AD28" s="407"/>
      <c r="AE28" s="408"/>
      <c r="AF28" s="419"/>
      <c r="AG28" s="420"/>
      <c r="AH28" s="420"/>
      <c r="AI28" s="420"/>
      <c r="AJ28" s="420"/>
      <c r="AK28" s="420"/>
      <c r="AL28" s="420"/>
      <c r="AM28" s="420"/>
      <c r="AN28" s="420"/>
      <c r="AO28" s="420"/>
      <c r="AP28" s="420"/>
      <c r="AQ28" s="420"/>
      <c r="AR28" s="420"/>
      <c r="AS28" s="421"/>
      <c r="AT28" s="86"/>
      <c r="AU28" s="85"/>
      <c r="AV28" s="1"/>
      <c r="AW28" s="1"/>
      <c r="AX28" s="2"/>
      <c r="AY28" s="2"/>
      <c r="AZ28" s="2"/>
    </row>
    <row r="29" spans="2:52" ht="22.5" customHeight="1" x14ac:dyDescent="0.2">
      <c r="B29" s="85"/>
      <c r="C29" s="86"/>
      <c r="D29" s="703"/>
      <c r="E29" s="410" t="s">
        <v>230</v>
      </c>
      <c r="F29" s="410"/>
      <c r="G29" s="410"/>
      <c r="H29" s="410"/>
      <c r="I29" s="410"/>
      <c r="J29" s="410"/>
      <c r="K29" s="410"/>
      <c r="L29" s="410"/>
      <c r="M29" s="410"/>
      <c r="N29" s="410"/>
      <c r="O29" s="410"/>
      <c r="P29" s="410"/>
      <c r="Q29" s="410"/>
      <c r="R29" s="410"/>
      <c r="S29" s="410"/>
      <c r="T29" s="410"/>
      <c r="U29" s="410"/>
      <c r="V29" s="410"/>
      <c r="W29" s="410"/>
      <c r="X29" s="410"/>
      <c r="Y29" s="410"/>
      <c r="Z29" s="410"/>
      <c r="AA29" s="422" t="s">
        <v>52</v>
      </c>
      <c r="AB29" s="423"/>
      <c r="AC29" s="423"/>
      <c r="AD29" s="423"/>
      <c r="AE29" s="423"/>
      <c r="AF29" s="424"/>
      <c r="AG29" s="410"/>
      <c r="AH29" s="410"/>
      <c r="AI29" s="410"/>
      <c r="AJ29" s="410"/>
      <c r="AK29" s="410"/>
      <c r="AL29" s="410"/>
      <c r="AM29" s="410"/>
      <c r="AN29" s="410"/>
      <c r="AO29" s="410"/>
      <c r="AP29" s="410"/>
      <c r="AQ29" s="410"/>
      <c r="AR29" s="410"/>
      <c r="AS29" s="425"/>
      <c r="AT29" s="86"/>
      <c r="AU29" s="85"/>
      <c r="AV29" s="1"/>
      <c r="AW29" s="1"/>
      <c r="AX29" s="2"/>
      <c r="AY29" s="2"/>
      <c r="AZ29" s="2"/>
    </row>
    <row r="30" spans="2:52" ht="22.5" customHeight="1" x14ac:dyDescent="0.2">
      <c r="B30" s="85"/>
      <c r="C30" s="86"/>
      <c r="D30" s="703"/>
      <c r="E30" s="426"/>
      <c r="F30" s="427"/>
      <c r="G30" s="427"/>
      <c r="H30" s="427"/>
      <c r="I30" s="427"/>
      <c r="J30" s="427"/>
      <c r="K30" s="427"/>
      <c r="L30" s="427"/>
      <c r="M30" s="427"/>
      <c r="N30" s="427"/>
      <c r="O30" s="427"/>
      <c r="P30" s="427"/>
      <c r="Q30" s="427"/>
      <c r="R30" s="427"/>
      <c r="S30" s="427"/>
      <c r="T30" s="427"/>
      <c r="U30" s="427"/>
      <c r="V30" s="427"/>
      <c r="W30" s="427"/>
      <c r="X30" s="427"/>
      <c r="Y30" s="427"/>
      <c r="Z30" s="428"/>
      <c r="AA30" s="429"/>
      <c r="AB30" s="430"/>
      <c r="AC30" s="430"/>
      <c r="AD30" s="430"/>
      <c r="AE30" s="430"/>
      <c r="AF30" s="430"/>
      <c r="AG30" s="430"/>
      <c r="AH30" s="430"/>
      <c r="AI30" s="430"/>
      <c r="AJ30" s="430"/>
      <c r="AK30" s="430"/>
      <c r="AL30" s="430"/>
      <c r="AM30" s="430"/>
      <c r="AN30" s="430"/>
      <c r="AO30" s="430"/>
      <c r="AP30" s="430"/>
      <c r="AQ30" s="430"/>
      <c r="AR30" s="430"/>
      <c r="AS30" s="431"/>
      <c r="AT30" s="86"/>
      <c r="AU30" s="85"/>
      <c r="AV30" s="1"/>
      <c r="AW30" s="1"/>
      <c r="AX30" s="2"/>
      <c r="AY30" s="2"/>
      <c r="AZ30" s="2"/>
    </row>
    <row r="31" spans="2:52" ht="22.5" customHeight="1" x14ac:dyDescent="0.2">
      <c r="B31" s="85"/>
      <c r="C31" s="84"/>
      <c r="D31" s="703"/>
      <c r="E31" s="984" t="s">
        <v>80</v>
      </c>
      <c r="F31" s="985"/>
      <c r="G31" s="985"/>
      <c r="H31" s="985"/>
      <c r="I31" s="985"/>
      <c r="J31" s="985"/>
      <c r="K31" s="985"/>
      <c r="L31" s="985"/>
      <c r="M31" s="985"/>
      <c r="N31" s="432" t="s">
        <v>60</v>
      </c>
      <c r="O31" s="990" t="s">
        <v>96</v>
      </c>
      <c r="P31" s="990"/>
      <c r="Q31" s="990"/>
      <c r="R31" s="990"/>
      <c r="S31" s="990"/>
      <c r="T31" s="990"/>
      <c r="U31" s="990"/>
      <c r="V31" s="990"/>
      <c r="W31" s="990"/>
      <c r="X31" s="990"/>
      <c r="Y31" s="990"/>
      <c r="Z31" s="990"/>
      <c r="AA31" s="990"/>
      <c r="AB31" s="990"/>
      <c r="AC31" s="990"/>
      <c r="AD31" s="990"/>
      <c r="AE31" s="990"/>
      <c r="AF31" s="990"/>
      <c r="AG31" s="990"/>
      <c r="AH31" s="990"/>
      <c r="AI31" s="990"/>
      <c r="AJ31" s="990"/>
      <c r="AK31" s="990"/>
      <c r="AL31" s="990"/>
      <c r="AM31" s="990"/>
      <c r="AN31" s="990"/>
      <c r="AO31" s="990"/>
      <c r="AP31" s="991"/>
      <c r="AQ31" s="991"/>
      <c r="AR31" s="991"/>
      <c r="AS31" s="992"/>
      <c r="AT31" s="2"/>
      <c r="AU31" s="2"/>
      <c r="AV31" s="2"/>
    </row>
    <row r="32" spans="2:52" ht="22.5" customHeight="1" x14ac:dyDescent="0.2">
      <c r="B32" s="85"/>
      <c r="C32" s="84"/>
      <c r="D32" s="703"/>
      <c r="E32" s="986"/>
      <c r="F32" s="987"/>
      <c r="G32" s="987"/>
      <c r="H32" s="987"/>
      <c r="I32" s="987"/>
      <c r="J32" s="987"/>
      <c r="K32" s="987"/>
      <c r="L32" s="987"/>
      <c r="M32" s="987"/>
      <c r="N32" s="997" t="s">
        <v>46</v>
      </c>
      <c r="O32" s="910"/>
      <c r="P32" s="397" t="s">
        <v>81</v>
      </c>
      <c r="Q32" s="397"/>
      <c r="R32" s="397"/>
      <c r="S32" s="397"/>
      <c r="T32" s="397"/>
      <c r="U32" s="397"/>
      <c r="V32" s="397"/>
      <c r="W32" s="433"/>
      <c r="X32" s="434"/>
      <c r="Y32" s="434"/>
      <c r="Z32" s="434"/>
      <c r="AA32" s="434"/>
      <c r="AB32" s="435"/>
      <c r="AC32" s="397"/>
      <c r="AD32" s="397"/>
      <c r="AE32" s="397"/>
      <c r="AF32" s="397"/>
      <c r="AG32" s="397"/>
      <c r="AH32" s="397"/>
      <c r="AI32" s="397"/>
      <c r="AJ32" s="397"/>
      <c r="AK32" s="397"/>
      <c r="AL32" s="397"/>
      <c r="AM32" s="397"/>
      <c r="AN32" s="397"/>
      <c r="AO32" s="397"/>
      <c r="AP32" s="993"/>
      <c r="AQ32" s="993"/>
      <c r="AR32" s="993"/>
      <c r="AS32" s="994"/>
      <c r="AT32" s="2"/>
      <c r="AU32" s="2"/>
      <c r="AV32" s="2"/>
    </row>
    <row r="33" spans="1:52" ht="22.5" customHeight="1" thickBot="1" x14ac:dyDescent="0.25">
      <c r="B33" s="85"/>
      <c r="C33" s="84"/>
      <c r="D33" s="727"/>
      <c r="E33" s="988"/>
      <c r="F33" s="989"/>
      <c r="G33" s="989"/>
      <c r="H33" s="989"/>
      <c r="I33" s="989"/>
      <c r="J33" s="989"/>
      <c r="K33" s="989"/>
      <c r="L33" s="989"/>
      <c r="M33" s="989"/>
      <c r="N33" s="998" t="s">
        <v>51</v>
      </c>
      <c r="O33" s="999"/>
      <c r="P33" s="436" t="s">
        <v>82</v>
      </c>
      <c r="Q33" s="436"/>
      <c r="R33" s="436"/>
      <c r="S33" s="436"/>
      <c r="T33" s="436"/>
      <c r="U33" s="436"/>
      <c r="V33" s="436"/>
      <c r="W33" s="437"/>
      <c r="X33" s="436"/>
      <c r="Y33" s="436"/>
      <c r="Z33" s="436"/>
      <c r="AA33" s="436"/>
      <c r="AB33" s="436"/>
      <c r="AC33" s="436"/>
      <c r="AD33" s="436"/>
      <c r="AE33" s="436"/>
      <c r="AF33" s="436"/>
      <c r="AG33" s="436"/>
      <c r="AH33" s="436"/>
      <c r="AI33" s="436"/>
      <c r="AJ33" s="436"/>
      <c r="AK33" s="436"/>
      <c r="AL33" s="436"/>
      <c r="AM33" s="436"/>
      <c r="AN33" s="436"/>
      <c r="AO33" s="436"/>
      <c r="AP33" s="995"/>
      <c r="AQ33" s="995"/>
      <c r="AR33" s="995"/>
      <c r="AS33" s="996"/>
      <c r="AT33" s="2"/>
      <c r="AU33" s="2"/>
      <c r="AV33" s="2"/>
    </row>
    <row r="34" spans="1:52" ht="19.5" customHeight="1" x14ac:dyDescent="0.2">
      <c r="B34" s="85"/>
      <c r="C34" s="84"/>
      <c r="D34" s="1000" t="s">
        <v>13</v>
      </c>
      <c r="E34" s="1002" t="s">
        <v>137</v>
      </c>
      <c r="F34" s="1003"/>
      <c r="G34" s="1003"/>
      <c r="H34" s="1003"/>
      <c r="I34" s="1003"/>
      <c r="J34" s="1003"/>
      <c r="K34" s="1003"/>
      <c r="L34" s="1003"/>
      <c r="M34" s="1003"/>
      <c r="N34" s="1003"/>
      <c r="O34" s="1003"/>
      <c r="P34" s="1003"/>
      <c r="Q34" s="1003"/>
      <c r="R34" s="1003"/>
      <c r="S34" s="1003"/>
      <c r="T34" s="1003"/>
      <c r="U34" s="1003"/>
      <c r="V34" s="1003"/>
      <c r="W34" s="1003"/>
      <c r="X34" s="1003"/>
      <c r="Y34" s="1003"/>
      <c r="Z34" s="1003"/>
      <c r="AA34" s="1003"/>
      <c r="AB34" s="1003"/>
      <c r="AC34" s="1003"/>
      <c r="AD34" s="1003"/>
      <c r="AE34" s="1003"/>
      <c r="AF34" s="1003"/>
      <c r="AG34" s="1003"/>
      <c r="AH34" s="1003"/>
      <c r="AI34" s="1003"/>
      <c r="AJ34" s="1003"/>
      <c r="AK34" s="1003"/>
      <c r="AL34" s="1003"/>
      <c r="AM34" s="1003"/>
      <c r="AN34" s="1003"/>
      <c r="AO34" s="1004"/>
      <c r="AP34" s="1005" t="s">
        <v>51</v>
      </c>
      <c r="AQ34" s="1005"/>
      <c r="AR34" s="1005"/>
      <c r="AS34" s="1006"/>
      <c r="AT34" s="6"/>
      <c r="AU34" s="6"/>
    </row>
    <row r="35" spans="1:52" ht="33.75" customHeight="1" thickBot="1" x14ac:dyDescent="0.25">
      <c r="B35" s="85"/>
      <c r="C35" s="84"/>
      <c r="D35" s="1001"/>
      <c r="E35" s="1007" t="s">
        <v>166</v>
      </c>
      <c r="F35" s="1008"/>
      <c r="G35" s="1008"/>
      <c r="H35" s="1008"/>
      <c r="I35" s="1008"/>
      <c r="J35" s="1008"/>
      <c r="K35" s="1008"/>
      <c r="L35" s="1008"/>
      <c r="M35" s="1008"/>
      <c r="N35" s="1008"/>
      <c r="O35" s="1008"/>
      <c r="P35" s="1008"/>
      <c r="Q35" s="1008"/>
      <c r="R35" s="1008"/>
      <c r="S35" s="1008"/>
      <c r="T35" s="1008"/>
      <c r="U35" s="1008"/>
      <c r="V35" s="1008"/>
      <c r="W35" s="1008"/>
      <c r="X35" s="1008"/>
      <c r="Y35" s="1008"/>
      <c r="Z35" s="1008"/>
      <c r="AA35" s="1008"/>
      <c r="AB35" s="1008"/>
      <c r="AC35" s="1008"/>
      <c r="AD35" s="1008"/>
      <c r="AE35" s="1008"/>
      <c r="AF35" s="1008"/>
      <c r="AG35" s="1008"/>
      <c r="AH35" s="1008"/>
      <c r="AI35" s="1008"/>
      <c r="AJ35" s="1008"/>
      <c r="AK35" s="1008"/>
      <c r="AL35" s="1008"/>
      <c r="AM35" s="1008"/>
      <c r="AN35" s="1008"/>
      <c r="AO35" s="1009"/>
      <c r="AP35" s="1010" t="s">
        <v>51</v>
      </c>
      <c r="AQ35" s="1010"/>
      <c r="AR35" s="1010"/>
      <c r="AS35" s="1011"/>
      <c r="AT35" s="6"/>
      <c r="AU35" s="6"/>
    </row>
    <row r="36" spans="1:52" s="4" customFormat="1" ht="22.5" customHeight="1" thickTop="1" x14ac:dyDescent="0.2">
      <c r="A36" s="18"/>
      <c r="B36" s="85"/>
      <c r="C36" s="84"/>
      <c r="D36" s="967" t="s">
        <v>204</v>
      </c>
      <c r="E36" s="969" t="s">
        <v>97</v>
      </c>
      <c r="F36" s="969"/>
      <c r="G36" s="969"/>
      <c r="H36" s="969"/>
      <c r="I36" s="969"/>
      <c r="J36" s="969"/>
      <c r="K36" s="969"/>
      <c r="L36" s="969"/>
      <c r="M36" s="969"/>
      <c r="N36" s="969"/>
      <c r="O36" s="969"/>
      <c r="P36" s="969"/>
      <c r="Q36" s="969"/>
      <c r="R36" s="969"/>
      <c r="S36" s="969"/>
      <c r="T36" s="969"/>
      <c r="U36" s="969"/>
      <c r="V36" s="969"/>
      <c r="W36" s="969"/>
      <c r="X36" s="969"/>
      <c r="Y36" s="969"/>
      <c r="Z36" s="969"/>
      <c r="AA36" s="969"/>
      <c r="AB36" s="969"/>
      <c r="AC36" s="969"/>
      <c r="AD36" s="969"/>
      <c r="AE36" s="969"/>
      <c r="AF36" s="970" t="s">
        <v>32</v>
      </c>
      <c r="AG36" s="849"/>
      <c r="AH36" s="849"/>
      <c r="AI36" s="849"/>
      <c r="AJ36" s="849"/>
      <c r="AK36" s="849"/>
      <c r="AL36" s="849"/>
      <c r="AM36" s="849"/>
      <c r="AN36" s="849"/>
      <c r="AO36" s="849"/>
      <c r="AP36" s="849"/>
      <c r="AQ36" s="849"/>
      <c r="AR36" s="849"/>
      <c r="AS36" s="971"/>
      <c r="AT36" s="6"/>
      <c r="AU36" s="6"/>
      <c r="AV36" s="3"/>
      <c r="AW36" s="16"/>
      <c r="AX36" s="17"/>
      <c r="AY36" s="17"/>
      <c r="AZ36" s="17"/>
    </row>
    <row r="37" spans="1:52" s="21" customFormat="1" ht="18" customHeight="1" x14ac:dyDescent="0.2">
      <c r="A37" s="3"/>
      <c r="B37" s="85"/>
      <c r="C37" s="84"/>
      <c r="D37" s="968"/>
      <c r="E37" s="732">
        <v>1</v>
      </c>
      <c r="F37" s="714"/>
      <c r="G37" s="714"/>
      <c r="H37" s="714"/>
      <c r="I37" s="714"/>
      <c r="J37" s="714"/>
      <c r="K37" s="714"/>
      <c r="L37" s="714"/>
      <c r="M37" s="714"/>
      <c r="N37" s="714"/>
      <c r="O37" s="714"/>
      <c r="P37" s="714"/>
      <c r="Q37" s="714"/>
      <c r="R37" s="714"/>
      <c r="S37" s="714"/>
      <c r="T37" s="714"/>
      <c r="U37" s="714"/>
      <c r="V37" s="714"/>
      <c r="W37" s="714"/>
      <c r="X37" s="714"/>
      <c r="Y37" s="714"/>
      <c r="Z37" s="714"/>
      <c r="AA37" s="714"/>
      <c r="AB37" s="714"/>
      <c r="AC37" s="714"/>
      <c r="AD37" s="714"/>
      <c r="AE37" s="714"/>
      <c r="AF37" s="716"/>
      <c r="AG37" s="717"/>
      <c r="AH37" s="717"/>
      <c r="AI37" s="717"/>
      <c r="AJ37" s="717"/>
      <c r="AK37" s="717"/>
      <c r="AL37" s="717"/>
      <c r="AM37" s="717"/>
      <c r="AN37" s="717"/>
      <c r="AO37" s="717"/>
      <c r="AP37" s="717"/>
      <c r="AQ37" s="717"/>
      <c r="AR37" s="717"/>
      <c r="AS37" s="972"/>
      <c r="AT37" s="6"/>
      <c r="AU37" s="6"/>
      <c r="AV37" s="18"/>
      <c r="AW37" s="19"/>
      <c r="AX37" s="20"/>
      <c r="AY37" s="20"/>
      <c r="AZ37" s="20"/>
    </row>
    <row r="38" spans="1:52" s="4" customFormat="1" ht="18" customHeight="1" x14ac:dyDescent="0.2">
      <c r="A38" s="3"/>
      <c r="B38" s="85"/>
      <c r="C38" s="84"/>
      <c r="D38" s="968"/>
      <c r="E38" s="733"/>
      <c r="F38" s="714"/>
      <c r="G38" s="714"/>
      <c r="H38" s="714"/>
      <c r="I38" s="714"/>
      <c r="J38" s="714"/>
      <c r="K38" s="714"/>
      <c r="L38" s="714"/>
      <c r="M38" s="714"/>
      <c r="N38" s="714"/>
      <c r="O38" s="714"/>
      <c r="P38" s="714"/>
      <c r="Q38" s="714"/>
      <c r="R38" s="714"/>
      <c r="S38" s="714"/>
      <c r="T38" s="714"/>
      <c r="U38" s="714"/>
      <c r="V38" s="714"/>
      <c r="W38" s="714"/>
      <c r="X38" s="714"/>
      <c r="Y38" s="714"/>
      <c r="Z38" s="714"/>
      <c r="AA38" s="714"/>
      <c r="AB38" s="714"/>
      <c r="AC38" s="714"/>
      <c r="AD38" s="714"/>
      <c r="AE38" s="714"/>
      <c r="AF38" s="734"/>
      <c r="AG38" s="735"/>
      <c r="AH38" s="735"/>
      <c r="AI38" s="735"/>
      <c r="AJ38" s="735"/>
      <c r="AK38" s="735"/>
      <c r="AL38" s="735"/>
      <c r="AM38" s="735"/>
      <c r="AN38" s="735"/>
      <c r="AO38" s="735"/>
      <c r="AP38" s="735"/>
      <c r="AQ38" s="735"/>
      <c r="AR38" s="735"/>
      <c r="AS38" s="973"/>
      <c r="AT38" s="6"/>
      <c r="AU38" s="6"/>
      <c r="AV38" s="3"/>
      <c r="AW38" s="169"/>
      <c r="AX38" s="17"/>
      <c r="AY38" s="17"/>
      <c r="AZ38" s="17"/>
    </row>
    <row r="39" spans="1:52" s="4" customFormat="1" ht="18" customHeight="1" x14ac:dyDescent="0.2">
      <c r="A39" s="18"/>
      <c r="B39" s="85"/>
      <c r="C39" s="84"/>
      <c r="D39" s="968"/>
      <c r="E39" s="737">
        <v>2</v>
      </c>
      <c r="F39" s="714"/>
      <c r="G39" s="714"/>
      <c r="H39" s="714"/>
      <c r="I39" s="714"/>
      <c r="J39" s="714"/>
      <c r="K39" s="714"/>
      <c r="L39" s="714"/>
      <c r="M39" s="714"/>
      <c r="N39" s="714"/>
      <c r="O39" s="714"/>
      <c r="P39" s="714"/>
      <c r="Q39" s="714"/>
      <c r="R39" s="714"/>
      <c r="S39" s="714"/>
      <c r="T39" s="714"/>
      <c r="U39" s="714"/>
      <c r="V39" s="714"/>
      <c r="W39" s="714"/>
      <c r="X39" s="714"/>
      <c r="Y39" s="714"/>
      <c r="Z39" s="714"/>
      <c r="AA39" s="714"/>
      <c r="AB39" s="714"/>
      <c r="AC39" s="714"/>
      <c r="AD39" s="714"/>
      <c r="AE39" s="714"/>
      <c r="AF39" s="716"/>
      <c r="AG39" s="717"/>
      <c r="AH39" s="717"/>
      <c r="AI39" s="717"/>
      <c r="AJ39" s="717"/>
      <c r="AK39" s="717"/>
      <c r="AL39" s="717"/>
      <c r="AM39" s="717"/>
      <c r="AN39" s="717"/>
      <c r="AO39" s="717"/>
      <c r="AP39" s="717"/>
      <c r="AQ39" s="717"/>
      <c r="AR39" s="717"/>
      <c r="AS39" s="972"/>
      <c r="AT39" s="6"/>
      <c r="AU39" s="6"/>
      <c r="AV39" s="3"/>
      <c r="AW39" s="16"/>
      <c r="AX39" s="17"/>
      <c r="AY39" s="17"/>
      <c r="AZ39" s="17"/>
    </row>
    <row r="40" spans="1:52" s="21" customFormat="1" ht="18" customHeight="1" x14ac:dyDescent="0.2">
      <c r="A40" s="3"/>
      <c r="B40" s="85"/>
      <c r="C40" s="84"/>
      <c r="D40" s="968"/>
      <c r="E40" s="738"/>
      <c r="F40" s="714"/>
      <c r="G40" s="714"/>
      <c r="H40" s="714"/>
      <c r="I40" s="714"/>
      <c r="J40" s="714"/>
      <c r="K40" s="714"/>
      <c r="L40" s="714"/>
      <c r="M40" s="714"/>
      <c r="N40" s="714"/>
      <c r="O40" s="714"/>
      <c r="P40" s="714"/>
      <c r="Q40" s="714"/>
      <c r="R40" s="714"/>
      <c r="S40" s="714"/>
      <c r="T40" s="714"/>
      <c r="U40" s="714"/>
      <c r="V40" s="714"/>
      <c r="W40" s="714"/>
      <c r="X40" s="714"/>
      <c r="Y40" s="714"/>
      <c r="Z40" s="714"/>
      <c r="AA40" s="714"/>
      <c r="AB40" s="714"/>
      <c r="AC40" s="714"/>
      <c r="AD40" s="714"/>
      <c r="AE40" s="714"/>
      <c r="AF40" s="734"/>
      <c r="AG40" s="735"/>
      <c r="AH40" s="735"/>
      <c r="AI40" s="735"/>
      <c r="AJ40" s="735"/>
      <c r="AK40" s="735"/>
      <c r="AL40" s="735"/>
      <c r="AM40" s="735"/>
      <c r="AN40" s="735"/>
      <c r="AO40" s="735"/>
      <c r="AP40" s="735"/>
      <c r="AQ40" s="735"/>
      <c r="AR40" s="735"/>
      <c r="AS40" s="973"/>
      <c r="AT40" s="6"/>
      <c r="AU40" s="6"/>
      <c r="AV40" s="18"/>
      <c r="AW40" s="19"/>
      <c r="AX40" s="20"/>
      <c r="AY40" s="20"/>
      <c r="AZ40" s="20"/>
    </row>
    <row r="41" spans="1:52" s="4" customFormat="1" ht="18" customHeight="1" x14ac:dyDescent="0.2">
      <c r="A41" s="3"/>
      <c r="B41" s="85"/>
      <c r="C41" s="84"/>
      <c r="D41" s="968"/>
      <c r="E41" s="739">
        <v>3</v>
      </c>
      <c r="F41" s="714"/>
      <c r="G41" s="714"/>
      <c r="H41" s="714"/>
      <c r="I41" s="714"/>
      <c r="J41" s="714"/>
      <c r="K41" s="714"/>
      <c r="L41" s="714"/>
      <c r="M41" s="714"/>
      <c r="N41" s="714"/>
      <c r="O41" s="714"/>
      <c r="P41" s="714"/>
      <c r="Q41" s="714"/>
      <c r="R41" s="714"/>
      <c r="S41" s="714"/>
      <c r="T41" s="714"/>
      <c r="U41" s="714"/>
      <c r="V41" s="714"/>
      <c r="W41" s="714"/>
      <c r="X41" s="714"/>
      <c r="Y41" s="714"/>
      <c r="Z41" s="714"/>
      <c r="AA41" s="714"/>
      <c r="AB41" s="714"/>
      <c r="AC41" s="714"/>
      <c r="AD41" s="714"/>
      <c r="AE41" s="714"/>
      <c r="AF41" s="716"/>
      <c r="AG41" s="717"/>
      <c r="AH41" s="717"/>
      <c r="AI41" s="717"/>
      <c r="AJ41" s="717"/>
      <c r="AK41" s="717"/>
      <c r="AL41" s="717"/>
      <c r="AM41" s="717"/>
      <c r="AN41" s="717"/>
      <c r="AO41" s="717"/>
      <c r="AP41" s="717"/>
      <c r="AQ41" s="717"/>
      <c r="AR41" s="717"/>
      <c r="AS41" s="972"/>
      <c r="AT41" s="6"/>
      <c r="AU41" s="6"/>
      <c r="AV41" s="3"/>
      <c r="AW41" s="16"/>
      <c r="AX41" s="17"/>
      <c r="AY41" s="17"/>
      <c r="AZ41" s="17"/>
    </row>
    <row r="42" spans="1:52" s="4" customFormat="1" ht="18" customHeight="1" thickBot="1" x14ac:dyDescent="0.25">
      <c r="A42" s="18"/>
      <c r="B42" s="85"/>
      <c r="C42" s="84"/>
      <c r="D42" s="968"/>
      <c r="E42" s="737"/>
      <c r="F42" s="1012"/>
      <c r="G42" s="1012"/>
      <c r="H42" s="1012"/>
      <c r="I42" s="1012"/>
      <c r="J42" s="1012"/>
      <c r="K42" s="1012"/>
      <c r="L42" s="1012"/>
      <c r="M42" s="1012"/>
      <c r="N42" s="1012"/>
      <c r="O42" s="1012"/>
      <c r="P42" s="1012"/>
      <c r="Q42" s="1012"/>
      <c r="R42" s="1012"/>
      <c r="S42" s="1012"/>
      <c r="T42" s="1012"/>
      <c r="U42" s="1012"/>
      <c r="V42" s="1012"/>
      <c r="W42" s="1012"/>
      <c r="X42" s="1012"/>
      <c r="Y42" s="1012"/>
      <c r="Z42" s="1012"/>
      <c r="AA42" s="1012"/>
      <c r="AB42" s="1012"/>
      <c r="AC42" s="1012"/>
      <c r="AD42" s="1012"/>
      <c r="AE42" s="1012"/>
      <c r="AF42" s="853"/>
      <c r="AG42" s="854"/>
      <c r="AH42" s="854"/>
      <c r="AI42" s="854"/>
      <c r="AJ42" s="854"/>
      <c r="AK42" s="854"/>
      <c r="AL42" s="854"/>
      <c r="AM42" s="854"/>
      <c r="AN42" s="854"/>
      <c r="AO42" s="854"/>
      <c r="AP42" s="854"/>
      <c r="AQ42" s="854"/>
      <c r="AR42" s="854"/>
      <c r="AS42" s="1013"/>
      <c r="AT42" s="6"/>
      <c r="AU42" s="6"/>
      <c r="AV42" s="3"/>
      <c r="AW42" s="16"/>
      <c r="AX42" s="17"/>
      <c r="AY42" s="17"/>
      <c r="AZ42" s="17"/>
    </row>
    <row r="43" spans="1:52" s="4" customFormat="1" ht="30" customHeight="1" thickTop="1" thickBot="1" x14ac:dyDescent="0.25">
      <c r="A43" s="18"/>
      <c r="B43" s="85"/>
      <c r="C43" s="84"/>
      <c r="D43" s="866" t="s">
        <v>205</v>
      </c>
      <c r="E43" s="866"/>
      <c r="F43" s="866"/>
      <c r="G43" s="866"/>
      <c r="H43" s="866"/>
      <c r="I43" s="866"/>
      <c r="J43" s="866"/>
      <c r="K43" s="866"/>
      <c r="L43" s="867"/>
      <c r="M43" s="868"/>
      <c r="N43" s="868"/>
      <c r="O43" s="868"/>
      <c r="P43" s="868"/>
      <c r="Q43" s="868"/>
      <c r="R43" s="868"/>
      <c r="S43" s="868"/>
      <c r="T43" s="868"/>
      <c r="U43" s="868"/>
      <c r="V43" s="868"/>
      <c r="W43" s="868"/>
      <c r="X43" s="868"/>
      <c r="Y43" s="868"/>
      <c r="Z43" s="868"/>
      <c r="AA43" s="868"/>
      <c r="AB43" s="868"/>
      <c r="AC43" s="868"/>
      <c r="AD43" s="868"/>
      <c r="AE43" s="868"/>
      <c r="AF43" s="868"/>
      <c r="AG43" s="868"/>
      <c r="AH43" s="868"/>
      <c r="AI43" s="868"/>
      <c r="AJ43" s="868"/>
      <c r="AK43" s="868"/>
      <c r="AL43" s="868"/>
      <c r="AM43" s="868"/>
      <c r="AN43" s="868"/>
      <c r="AO43" s="868"/>
      <c r="AP43" s="868"/>
      <c r="AQ43" s="868"/>
      <c r="AR43" s="868"/>
      <c r="AS43" s="868"/>
      <c r="AT43" s="6"/>
      <c r="AU43" s="6"/>
      <c r="AV43" s="3"/>
      <c r="AW43" s="16"/>
      <c r="AX43" s="17"/>
      <c r="AY43" s="17"/>
      <c r="AZ43" s="17"/>
    </row>
    <row r="44" spans="1:52" s="10" customFormat="1" ht="22.5" customHeight="1" thickTop="1" x14ac:dyDescent="0.2">
      <c r="A44" s="7"/>
      <c r="B44" s="85"/>
      <c r="C44" s="84"/>
      <c r="D44" s="583" t="s">
        <v>84</v>
      </c>
      <c r="E44" s="72" t="s">
        <v>3</v>
      </c>
      <c r="F44" s="71"/>
      <c r="G44" s="71"/>
      <c r="H44" s="71"/>
      <c r="I44" s="845"/>
      <c r="J44" s="845"/>
      <c r="K44" s="845"/>
      <c r="L44" s="845"/>
      <c r="M44" s="845"/>
      <c r="N44" s="845"/>
      <c r="O44" s="845"/>
      <c r="P44" s="845"/>
      <c r="Q44" s="845"/>
      <c r="R44" s="845"/>
      <c r="S44" s="845"/>
      <c r="T44" s="845"/>
      <c r="U44" s="845"/>
      <c r="V44" s="845"/>
      <c r="W44" s="845"/>
      <c r="X44" s="845"/>
      <c r="Y44" s="845"/>
      <c r="Z44" s="845"/>
      <c r="AA44" s="845"/>
      <c r="AB44" s="845"/>
      <c r="AC44" s="845"/>
      <c r="AD44" s="845"/>
      <c r="AE44" s="846"/>
      <c r="AF44" s="73" t="s">
        <v>11</v>
      </c>
      <c r="AG44" s="71"/>
      <c r="AH44" s="71"/>
      <c r="AI44" s="71"/>
      <c r="AJ44" s="71"/>
      <c r="AK44" s="71"/>
      <c r="AL44" s="71"/>
      <c r="AM44" s="71"/>
      <c r="AN44" s="71"/>
      <c r="AO44" s="71"/>
      <c r="AP44" s="71"/>
      <c r="AQ44" s="71"/>
      <c r="AR44" s="71"/>
      <c r="AS44" s="74"/>
      <c r="AT44" s="6"/>
      <c r="AU44" s="6"/>
      <c r="AV44" s="7"/>
      <c r="AW44" s="15"/>
      <c r="AX44" s="15"/>
      <c r="AY44" s="15"/>
      <c r="AZ44" s="15"/>
    </row>
    <row r="45" spans="1:52" s="10" customFormat="1" ht="22.5" customHeight="1" x14ac:dyDescent="0.2">
      <c r="A45" s="7"/>
      <c r="B45" s="85"/>
      <c r="C45" s="84"/>
      <c r="D45" s="584"/>
      <c r="E45" s="62" t="s">
        <v>85</v>
      </c>
      <c r="F45" s="61"/>
      <c r="G45" s="61"/>
      <c r="H45" s="61"/>
      <c r="I45" s="61"/>
      <c r="J45" s="61"/>
      <c r="K45" s="61"/>
      <c r="L45" s="61"/>
      <c r="M45" s="61"/>
      <c r="N45" s="61"/>
      <c r="O45" s="61"/>
      <c r="P45" s="61"/>
      <c r="Q45" s="61"/>
      <c r="R45" s="61"/>
      <c r="S45" s="61"/>
      <c r="T45" s="61"/>
      <c r="U45" s="61"/>
      <c r="V45" s="61"/>
      <c r="W45" s="61"/>
      <c r="X45" s="61"/>
      <c r="Y45" s="61"/>
      <c r="Z45" s="61"/>
      <c r="AA45" s="61"/>
      <c r="AB45" s="61"/>
      <c r="AC45" s="61"/>
      <c r="AD45" s="61"/>
      <c r="AE45" s="61"/>
      <c r="AF45" s="67"/>
      <c r="AG45" s="61"/>
      <c r="AH45" s="61"/>
      <c r="AI45" s="61"/>
      <c r="AJ45" s="61"/>
      <c r="AK45" s="61"/>
      <c r="AL45" s="61"/>
      <c r="AM45" s="61"/>
      <c r="AN45" s="61"/>
      <c r="AO45" s="61"/>
      <c r="AP45" s="61"/>
      <c r="AQ45" s="61"/>
      <c r="AR45" s="61"/>
      <c r="AS45" s="68"/>
      <c r="AT45" s="6"/>
      <c r="AU45" s="6"/>
      <c r="AV45" s="7"/>
      <c r="AW45" s="8"/>
      <c r="AX45" s="9"/>
      <c r="AY45" s="9"/>
      <c r="AZ45" s="9"/>
    </row>
    <row r="46" spans="1:52" s="10" customFormat="1" ht="22.5" customHeight="1" thickBot="1" x14ac:dyDescent="0.25">
      <c r="A46" s="1"/>
      <c r="B46" s="85"/>
      <c r="C46" s="84"/>
      <c r="D46" s="585"/>
      <c r="E46" s="69"/>
      <c r="F46" s="724"/>
      <c r="G46" s="724"/>
      <c r="H46" s="724"/>
      <c r="I46" s="724"/>
      <c r="J46" s="724"/>
      <c r="K46" s="724"/>
      <c r="L46" s="724"/>
      <c r="M46" s="724"/>
      <c r="N46" s="724"/>
      <c r="O46" s="724"/>
      <c r="P46" s="724"/>
      <c r="Q46" s="724"/>
      <c r="R46" s="724"/>
      <c r="S46" s="724"/>
      <c r="T46" s="724"/>
      <c r="U46" s="724"/>
      <c r="V46" s="724"/>
      <c r="W46" s="724"/>
      <c r="X46" s="724"/>
      <c r="Y46" s="724"/>
      <c r="Z46" s="724"/>
      <c r="AA46" s="724"/>
      <c r="AB46" s="724"/>
      <c r="AC46" s="724"/>
      <c r="AD46" s="724"/>
      <c r="AE46" s="725"/>
      <c r="AF46" s="75"/>
      <c r="AG46" s="726"/>
      <c r="AH46" s="726"/>
      <c r="AI46" s="726"/>
      <c r="AJ46" s="726"/>
      <c r="AK46" s="726"/>
      <c r="AL46" s="726"/>
      <c r="AM46" s="726"/>
      <c r="AN46" s="726"/>
      <c r="AO46" s="726"/>
      <c r="AP46" s="726"/>
      <c r="AQ46" s="726"/>
      <c r="AR46" s="726"/>
      <c r="AS46" s="70"/>
      <c r="AT46" s="6"/>
      <c r="AU46" s="6"/>
      <c r="AV46" s="7"/>
      <c r="AW46" s="8"/>
      <c r="AX46" s="9"/>
      <c r="AY46" s="9"/>
      <c r="AZ46" s="9"/>
    </row>
    <row r="47" spans="1:52" s="10" customFormat="1" ht="22.5" customHeight="1" x14ac:dyDescent="0.2">
      <c r="A47" s="1"/>
      <c r="B47" s="85"/>
      <c r="C47" s="84"/>
      <c r="D47" s="145"/>
      <c r="E47" s="146"/>
      <c r="F47" s="147"/>
      <c r="G47" s="147"/>
      <c r="H47" s="147"/>
      <c r="I47" s="147"/>
      <c r="J47" s="147"/>
      <c r="K47" s="147"/>
      <c r="L47" s="147"/>
      <c r="M47" s="147"/>
      <c r="N47" s="147"/>
      <c r="O47" s="147"/>
      <c r="P47" s="147"/>
      <c r="Q47" s="147"/>
      <c r="R47" s="147"/>
      <c r="S47" s="147"/>
      <c r="T47" s="147"/>
      <c r="U47" s="147"/>
      <c r="V47" s="147"/>
      <c r="W47" s="147"/>
      <c r="X47" s="147"/>
      <c r="Y47" s="147"/>
      <c r="Z47" s="147"/>
      <c r="AA47" s="147"/>
      <c r="AB47" s="147"/>
      <c r="AC47" s="147"/>
      <c r="AD47" s="147"/>
      <c r="AE47" s="147"/>
      <c r="AF47" s="61"/>
      <c r="AG47" s="144"/>
      <c r="AH47" s="144"/>
      <c r="AI47" s="144"/>
      <c r="AJ47" s="144"/>
      <c r="AK47" s="144"/>
      <c r="AL47" s="144"/>
      <c r="AM47" s="144"/>
      <c r="AN47" s="144"/>
      <c r="AO47" s="144"/>
      <c r="AP47" s="144"/>
      <c r="AQ47" s="144"/>
      <c r="AR47" s="144"/>
      <c r="AS47" s="61"/>
      <c r="AT47" s="6"/>
      <c r="AU47" s="6"/>
      <c r="AV47" s="7"/>
      <c r="AW47" s="8"/>
      <c r="AX47" s="9"/>
      <c r="AY47" s="9"/>
      <c r="AZ47" s="9"/>
    </row>
    <row r="48" spans="1:52" ht="13.5" customHeight="1" x14ac:dyDescent="0.2">
      <c r="B48" s="85"/>
      <c r="C48" s="86"/>
      <c r="D48" s="681" t="s">
        <v>203</v>
      </c>
      <c r="E48" s="681"/>
      <c r="F48" s="681"/>
      <c r="G48" s="681"/>
      <c r="H48" s="681"/>
      <c r="I48" s="681"/>
      <c r="J48" s="681"/>
      <c r="K48" s="681"/>
      <c r="L48" s="681"/>
      <c r="M48" s="681"/>
      <c r="N48" s="681"/>
      <c r="O48" s="681"/>
      <c r="P48" s="681"/>
      <c r="Q48" s="681"/>
      <c r="R48" s="681"/>
      <c r="S48" s="681"/>
      <c r="T48" s="681"/>
      <c r="U48" s="681"/>
      <c r="V48" s="42"/>
      <c r="W48" s="42"/>
      <c r="X48" s="42"/>
      <c r="Y48" s="42"/>
      <c r="Z48" s="42"/>
      <c r="AA48" s="55"/>
      <c r="AB48" s="42"/>
      <c r="AC48" s="42"/>
      <c r="AD48" s="42"/>
      <c r="AE48" s="42"/>
      <c r="AF48" s="42"/>
      <c r="AG48" s="42"/>
      <c r="AH48" s="42"/>
      <c r="AI48" s="42"/>
      <c r="AJ48" s="42"/>
      <c r="AK48" s="42"/>
      <c r="AL48" s="42"/>
      <c r="AM48" s="42"/>
      <c r="AN48" s="42"/>
      <c r="AO48" s="42"/>
      <c r="AP48" s="42"/>
      <c r="AQ48" s="42"/>
      <c r="AR48" s="42"/>
      <c r="AS48" s="42"/>
      <c r="AT48" s="86"/>
      <c r="AU48" s="85"/>
      <c r="AV48" s="1"/>
      <c r="AW48" s="1"/>
      <c r="AX48" s="2"/>
      <c r="AY48" s="2"/>
      <c r="AZ48" s="2"/>
    </row>
    <row r="49" spans="2:52" s="155" customFormat="1" ht="9.9" customHeight="1" thickBot="1" x14ac:dyDescent="0.25">
      <c r="B49" s="156"/>
      <c r="C49" s="84"/>
      <c r="D49" s="681"/>
      <c r="E49" s="681"/>
      <c r="F49" s="681"/>
      <c r="G49" s="681"/>
      <c r="H49" s="681"/>
      <c r="I49" s="681"/>
      <c r="J49" s="681"/>
      <c r="K49" s="681"/>
      <c r="L49" s="681"/>
      <c r="M49" s="681"/>
      <c r="N49" s="681"/>
      <c r="O49" s="681"/>
      <c r="P49" s="681"/>
      <c r="Q49" s="681"/>
      <c r="R49" s="681"/>
      <c r="S49" s="681"/>
      <c r="T49" s="681"/>
      <c r="U49" s="681"/>
      <c r="V49" s="84"/>
      <c r="W49" s="84"/>
      <c r="X49" s="84"/>
      <c r="Y49" s="84"/>
      <c r="Z49" s="84"/>
      <c r="AA49" s="84"/>
      <c r="AB49" s="84"/>
      <c r="AC49" s="84"/>
      <c r="AD49" s="84"/>
      <c r="AE49" s="84"/>
      <c r="AF49" s="84"/>
      <c r="AG49" s="84"/>
      <c r="AH49" s="84"/>
      <c r="AI49" s="84"/>
      <c r="AJ49" s="84"/>
      <c r="AK49" s="84"/>
      <c r="AL49" s="84"/>
      <c r="AM49" s="84"/>
      <c r="AN49" s="84"/>
      <c r="AO49" s="84"/>
      <c r="AP49" s="84"/>
      <c r="AQ49" s="84"/>
      <c r="AR49" s="84"/>
      <c r="AS49" s="84"/>
      <c r="AT49" s="84"/>
      <c r="AU49" s="156"/>
      <c r="AV49" s="157"/>
      <c r="AW49" s="157"/>
      <c r="AX49" s="157"/>
      <c r="AY49" s="157"/>
      <c r="AZ49" s="157"/>
    </row>
    <row r="50" spans="2:52" s="155" customFormat="1" ht="36.75" customHeight="1" x14ac:dyDescent="0.2">
      <c r="B50" s="156"/>
      <c r="C50" s="84"/>
      <c r="D50" s="911" t="s">
        <v>117</v>
      </c>
      <c r="E50" s="947" t="s">
        <v>50</v>
      </c>
      <c r="F50" s="948"/>
      <c r="G50" s="948"/>
      <c r="H50" s="948"/>
      <c r="I50" s="948"/>
      <c r="J50" s="948"/>
      <c r="K50" s="948"/>
      <c r="L50" s="948"/>
      <c r="M50" s="948"/>
      <c r="N50" s="948"/>
      <c r="O50" s="948"/>
      <c r="P50" s="948"/>
      <c r="Q50" s="948"/>
      <c r="R50" s="948"/>
      <c r="S50" s="948"/>
      <c r="T50" s="948"/>
      <c r="U50" s="948"/>
      <c r="V50" s="948"/>
      <c r="W50" s="948"/>
      <c r="X50" s="948"/>
      <c r="Y50" s="948"/>
      <c r="Z50" s="948"/>
      <c r="AA50" s="948"/>
      <c r="AB50" s="948"/>
      <c r="AC50" s="948"/>
      <c r="AD50" s="948"/>
      <c r="AE50" s="948"/>
      <c r="AF50" s="948"/>
      <c r="AG50" s="948"/>
      <c r="AH50" s="948"/>
      <c r="AI50" s="948"/>
      <c r="AJ50" s="948"/>
      <c r="AK50" s="948"/>
      <c r="AL50" s="948"/>
      <c r="AM50" s="948"/>
      <c r="AN50" s="948"/>
      <c r="AO50" s="948"/>
      <c r="AP50" s="949"/>
      <c r="AQ50" s="950" t="s">
        <v>162</v>
      </c>
      <c r="AR50" s="951"/>
      <c r="AS50" s="952"/>
      <c r="AT50" s="86"/>
      <c r="AU50" s="156"/>
    </row>
    <row r="51" spans="2:52" s="155" customFormat="1" ht="36.75" customHeight="1" x14ac:dyDescent="0.2">
      <c r="B51" s="156"/>
      <c r="C51" s="84"/>
      <c r="D51" s="912"/>
      <c r="E51" s="953" t="s">
        <v>64</v>
      </c>
      <c r="F51" s="954"/>
      <c r="G51" s="955" t="s">
        <v>208</v>
      </c>
      <c r="H51" s="955"/>
      <c r="I51" s="955"/>
      <c r="J51" s="955"/>
      <c r="K51" s="955"/>
      <c r="L51" s="955"/>
      <c r="M51" s="955"/>
      <c r="N51" s="955"/>
      <c r="O51" s="955"/>
      <c r="P51" s="955"/>
      <c r="Q51" s="955"/>
      <c r="R51" s="955"/>
      <c r="S51" s="955"/>
      <c r="T51" s="955"/>
      <c r="U51" s="955"/>
      <c r="V51" s="955"/>
      <c r="W51" s="955"/>
      <c r="X51" s="955"/>
      <c r="Y51" s="955"/>
      <c r="Z51" s="955"/>
      <c r="AA51" s="955"/>
      <c r="AB51" s="955"/>
      <c r="AC51" s="955"/>
      <c r="AD51" s="955"/>
      <c r="AE51" s="955"/>
      <c r="AF51" s="955"/>
      <c r="AG51" s="955"/>
      <c r="AH51" s="955"/>
      <c r="AI51" s="955"/>
      <c r="AJ51" s="955"/>
      <c r="AK51" s="955"/>
      <c r="AL51" s="955"/>
      <c r="AM51" s="955"/>
      <c r="AN51" s="955"/>
      <c r="AO51" s="955"/>
      <c r="AP51" s="956"/>
      <c r="AQ51" s="957" t="s">
        <v>51</v>
      </c>
      <c r="AR51" s="958"/>
      <c r="AS51" s="959"/>
      <c r="AT51" s="86"/>
      <c r="AU51" s="156"/>
    </row>
    <row r="52" spans="2:52" s="155" customFormat="1" ht="36.75" customHeight="1" x14ac:dyDescent="0.2">
      <c r="B52" s="156"/>
      <c r="C52" s="84"/>
      <c r="D52" s="912"/>
      <c r="E52" s="953" t="s">
        <v>65</v>
      </c>
      <c r="F52" s="954"/>
      <c r="G52" s="955" t="s">
        <v>45</v>
      </c>
      <c r="H52" s="955"/>
      <c r="I52" s="955"/>
      <c r="J52" s="955"/>
      <c r="K52" s="955"/>
      <c r="L52" s="955"/>
      <c r="M52" s="955"/>
      <c r="N52" s="955"/>
      <c r="O52" s="955"/>
      <c r="P52" s="955"/>
      <c r="Q52" s="955"/>
      <c r="R52" s="955"/>
      <c r="S52" s="955"/>
      <c r="T52" s="955"/>
      <c r="U52" s="955"/>
      <c r="V52" s="955"/>
      <c r="W52" s="955"/>
      <c r="X52" s="955"/>
      <c r="Y52" s="955"/>
      <c r="Z52" s="955"/>
      <c r="AA52" s="955"/>
      <c r="AB52" s="955"/>
      <c r="AC52" s="955"/>
      <c r="AD52" s="955"/>
      <c r="AE52" s="955"/>
      <c r="AF52" s="955"/>
      <c r="AG52" s="955"/>
      <c r="AH52" s="955"/>
      <c r="AI52" s="955"/>
      <c r="AJ52" s="955"/>
      <c r="AK52" s="955"/>
      <c r="AL52" s="955"/>
      <c r="AM52" s="955"/>
      <c r="AN52" s="955"/>
      <c r="AO52" s="955"/>
      <c r="AP52" s="956"/>
      <c r="AQ52" s="957" t="s">
        <v>51</v>
      </c>
      <c r="AR52" s="958"/>
      <c r="AS52" s="959"/>
      <c r="AT52" s="86"/>
      <c r="AU52" s="156"/>
    </row>
    <row r="53" spans="2:52" s="155" customFormat="1" ht="36.75" customHeight="1" thickBot="1" x14ac:dyDescent="0.25">
      <c r="B53" s="156"/>
      <c r="C53" s="84"/>
      <c r="D53" s="946"/>
      <c r="E53" s="960" t="s">
        <v>66</v>
      </c>
      <c r="F53" s="961"/>
      <c r="G53" s="962" t="s">
        <v>67</v>
      </c>
      <c r="H53" s="962"/>
      <c r="I53" s="962"/>
      <c r="J53" s="962"/>
      <c r="K53" s="962"/>
      <c r="L53" s="962"/>
      <c r="M53" s="962"/>
      <c r="N53" s="962"/>
      <c r="O53" s="962"/>
      <c r="P53" s="962"/>
      <c r="Q53" s="962"/>
      <c r="R53" s="962"/>
      <c r="S53" s="962"/>
      <c r="T53" s="962"/>
      <c r="U53" s="962"/>
      <c r="V53" s="962"/>
      <c r="W53" s="962"/>
      <c r="X53" s="962"/>
      <c r="Y53" s="962"/>
      <c r="Z53" s="962"/>
      <c r="AA53" s="962"/>
      <c r="AB53" s="962"/>
      <c r="AC53" s="962"/>
      <c r="AD53" s="962"/>
      <c r="AE53" s="962"/>
      <c r="AF53" s="962"/>
      <c r="AG53" s="962"/>
      <c r="AH53" s="962"/>
      <c r="AI53" s="962"/>
      <c r="AJ53" s="962"/>
      <c r="AK53" s="962"/>
      <c r="AL53" s="962"/>
      <c r="AM53" s="962"/>
      <c r="AN53" s="962"/>
      <c r="AO53" s="962"/>
      <c r="AP53" s="963"/>
      <c r="AQ53" s="964" t="s">
        <v>51</v>
      </c>
      <c r="AR53" s="965"/>
      <c r="AS53" s="966"/>
      <c r="AT53" s="86"/>
      <c r="AU53" s="156"/>
    </row>
    <row r="54" spans="2:52" ht="22.5" customHeight="1" x14ac:dyDescent="0.2">
      <c r="B54" s="156"/>
      <c r="C54" s="84"/>
      <c r="D54" s="911" t="s">
        <v>118</v>
      </c>
      <c r="E54" s="915" t="s">
        <v>102</v>
      </c>
      <c r="F54" s="916"/>
      <c r="G54" s="916"/>
      <c r="H54" s="916"/>
      <c r="I54" s="916"/>
      <c r="J54" s="916"/>
      <c r="K54" s="916"/>
      <c r="L54" s="917"/>
      <c r="M54" s="438" t="s">
        <v>119</v>
      </c>
      <c r="N54" s="438"/>
      <c r="O54" s="438"/>
      <c r="P54" s="438"/>
      <c r="Q54" s="438"/>
      <c r="R54" s="438"/>
      <c r="S54" s="438"/>
      <c r="T54" s="438"/>
      <c r="U54" s="438"/>
      <c r="V54" s="438"/>
      <c r="W54" s="438"/>
      <c r="X54" s="438"/>
      <c r="Y54" s="438"/>
      <c r="Z54" s="438"/>
      <c r="AA54" s="439"/>
      <c r="AB54" s="439"/>
      <c r="AC54" s="439"/>
      <c r="AD54" s="439"/>
      <c r="AE54" s="439"/>
      <c r="AF54" s="438"/>
      <c r="AG54" s="438"/>
      <c r="AH54" s="438"/>
      <c r="AI54" s="438"/>
      <c r="AJ54" s="438"/>
      <c r="AK54" s="438"/>
      <c r="AL54" s="438"/>
      <c r="AM54" s="438"/>
      <c r="AN54" s="438"/>
      <c r="AO54" s="438"/>
      <c r="AP54" s="438"/>
      <c r="AQ54" s="438"/>
      <c r="AR54" s="438"/>
      <c r="AS54" s="440"/>
      <c r="AT54" s="86"/>
      <c r="AU54" s="85"/>
      <c r="AV54" s="1"/>
      <c r="AW54" s="1"/>
      <c r="AX54" s="2"/>
      <c r="AY54" s="2"/>
      <c r="AZ54" s="2"/>
    </row>
    <row r="55" spans="2:52" ht="22.5" customHeight="1" x14ac:dyDescent="0.2">
      <c r="B55" s="156"/>
      <c r="C55" s="84"/>
      <c r="D55" s="912"/>
      <c r="E55" s="918"/>
      <c r="F55" s="919"/>
      <c r="G55" s="919"/>
      <c r="H55" s="919"/>
      <c r="I55" s="919"/>
      <c r="J55" s="919"/>
      <c r="K55" s="919"/>
      <c r="L55" s="920"/>
      <c r="M55" s="441" t="s">
        <v>120</v>
      </c>
      <c r="N55" s="441"/>
      <c r="O55" s="441"/>
      <c r="P55" s="441"/>
      <c r="Q55" s="441" t="s">
        <v>123</v>
      </c>
      <c r="R55" s="441"/>
      <c r="S55" s="441"/>
      <c r="T55" s="441"/>
      <c r="U55" s="441"/>
      <c r="V55" s="441"/>
      <c r="W55" s="441" t="s">
        <v>126</v>
      </c>
      <c r="X55" s="441"/>
      <c r="Y55" s="441"/>
      <c r="Z55" s="441"/>
      <c r="AA55" s="442"/>
      <c r="AB55" s="442"/>
      <c r="AC55" s="442"/>
      <c r="AD55" s="442"/>
      <c r="AE55" s="442"/>
      <c r="AF55" s="441"/>
      <c r="AG55" s="441"/>
      <c r="AH55" s="441"/>
      <c r="AI55" s="441"/>
      <c r="AJ55" s="441"/>
      <c r="AK55" s="441"/>
      <c r="AL55" s="441"/>
      <c r="AM55" s="441"/>
      <c r="AN55" s="441"/>
      <c r="AO55" s="441"/>
      <c r="AP55" s="441"/>
      <c r="AQ55" s="441"/>
      <c r="AR55" s="441"/>
      <c r="AS55" s="443"/>
      <c r="AT55" s="86"/>
      <c r="AU55" s="85"/>
      <c r="AV55" s="1"/>
      <c r="AW55" s="1"/>
      <c r="AX55" s="2"/>
      <c r="AY55" s="2"/>
      <c r="AZ55" s="2"/>
    </row>
    <row r="56" spans="2:52" ht="22.5" customHeight="1" x14ac:dyDescent="0.2">
      <c r="B56" s="156"/>
      <c r="C56" s="84"/>
      <c r="D56" s="912"/>
      <c r="E56" s="918"/>
      <c r="F56" s="919"/>
      <c r="G56" s="919"/>
      <c r="H56" s="919"/>
      <c r="I56" s="919"/>
      <c r="J56" s="919"/>
      <c r="K56" s="919"/>
      <c r="L56" s="920"/>
      <c r="M56" s="441" t="s">
        <v>121</v>
      </c>
      <c r="N56" s="441"/>
      <c r="O56" s="441"/>
      <c r="P56" s="441"/>
      <c r="Q56" s="441" t="s">
        <v>124</v>
      </c>
      <c r="R56" s="441"/>
      <c r="S56" s="441"/>
      <c r="T56" s="441"/>
      <c r="U56" s="441"/>
      <c r="V56" s="441"/>
      <c r="W56" s="441" t="s">
        <v>127</v>
      </c>
      <c r="X56" s="441"/>
      <c r="Y56" s="441"/>
      <c r="Z56" s="441"/>
      <c r="AA56" s="442"/>
      <c r="AB56" s="442"/>
      <c r="AC56" s="441" t="s">
        <v>209</v>
      </c>
      <c r="AD56" s="444"/>
      <c r="AE56" s="442"/>
      <c r="AF56" s="441"/>
      <c r="AG56" s="441"/>
      <c r="AH56" s="441"/>
      <c r="AI56" s="441"/>
      <c r="AJ56" s="441"/>
      <c r="AK56" s="441"/>
      <c r="AL56" s="441"/>
      <c r="AM56" s="441"/>
      <c r="AN56" s="441"/>
      <c r="AO56" s="441"/>
      <c r="AP56" s="441"/>
      <c r="AQ56" s="441"/>
      <c r="AR56" s="441"/>
      <c r="AS56" s="443"/>
      <c r="AT56" s="86"/>
      <c r="AU56" s="85"/>
      <c r="AV56" s="1"/>
      <c r="AW56" s="1"/>
      <c r="AX56" s="2"/>
      <c r="AY56" s="2"/>
      <c r="AZ56" s="2"/>
    </row>
    <row r="57" spans="2:52" ht="22.5" customHeight="1" x14ac:dyDescent="0.2">
      <c r="B57" s="156"/>
      <c r="C57" s="84"/>
      <c r="D57" s="912"/>
      <c r="E57" s="921"/>
      <c r="F57" s="922"/>
      <c r="G57" s="922"/>
      <c r="H57" s="922"/>
      <c r="I57" s="922"/>
      <c r="J57" s="922"/>
      <c r="K57" s="922"/>
      <c r="L57" s="923"/>
      <c r="M57" s="445" t="s">
        <v>122</v>
      </c>
      <c r="N57" s="445"/>
      <c r="O57" s="445"/>
      <c r="P57" s="445"/>
      <c r="Q57" s="445" t="s">
        <v>125</v>
      </c>
      <c r="R57" s="445"/>
      <c r="S57" s="445"/>
      <c r="T57" s="445"/>
      <c r="U57" s="445"/>
      <c r="V57" s="445"/>
      <c r="W57" s="445" t="s">
        <v>128</v>
      </c>
      <c r="X57" s="445"/>
      <c r="Y57" s="445"/>
      <c r="Z57" s="445"/>
      <c r="AA57" s="446"/>
      <c r="AB57" s="446"/>
      <c r="AC57" s="446"/>
      <c r="AD57" s="446"/>
      <c r="AE57" s="446"/>
      <c r="AF57" s="445"/>
      <c r="AG57" s="445"/>
      <c r="AH57" s="445"/>
      <c r="AI57" s="445"/>
      <c r="AJ57" s="445"/>
      <c r="AK57" s="445"/>
      <c r="AL57" s="445"/>
      <c r="AM57" s="445"/>
      <c r="AN57" s="445"/>
      <c r="AO57" s="445"/>
      <c r="AP57" s="445"/>
      <c r="AQ57" s="445"/>
      <c r="AR57" s="445"/>
      <c r="AS57" s="447"/>
      <c r="AT57" s="86"/>
      <c r="AU57" s="85"/>
      <c r="AV57" s="1"/>
      <c r="AW57" s="1"/>
      <c r="AX57" s="2"/>
      <c r="AY57" s="2"/>
      <c r="AZ57" s="2"/>
    </row>
    <row r="58" spans="2:52" ht="22.5" customHeight="1" x14ac:dyDescent="0.2">
      <c r="B58" s="156"/>
      <c r="C58" s="84"/>
      <c r="D58" s="912"/>
      <c r="E58" s="448" t="s">
        <v>3</v>
      </c>
      <c r="F58" s="449"/>
      <c r="G58" s="449"/>
      <c r="H58" s="449"/>
      <c r="I58" s="924"/>
      <c r="J58" s="924"/>
      <c r="K58" s="924"/>
      <c r="L58" s="924"/>
      <c r="M58" s="924"/>
      <c r="N58" s="924"/>
      <c r="O58" s="924"/>
      <c r="P58" s="924"/>
      <c r="Q58" s="924"/>
      <c r="R58" s="924"/>
      <c r="S58" s="924"/>
      <c r="T58" s="924"/>
      <c r="U58" s="924"/>
      <c r="V58" s="924"/>
      <c r="W58" s="924"/>
      <c r="X58" s="924"/>
      <c r="Y58" s="924"/>
      <c r="Z58" s="925"/>
      <c r="AA58" s="926" t="s">
        <v>8</v>
      </c>
      <c r="AB58" s="927"/>
      <c r="AC58" s="927"/>
      <c r="AD58" s="927"/>
      <c r="AE58" s="928"/>
      <c r="AF58" s="929"/>
      <c r="AG58" s="930"/>
      <c r="AH58" s="930"/>
      <c r="AI58" s="930"/>
      <c r="AJ58" s="930"/>
      <c r="AK58" s="930"/>
      <c r="AL58" s="930"/>
      <c r="AM58" s="930"/>
      <c r="AN58" s="930"/>
      <c r="AO58" s="930"/>
      <c r="AP58" s="930"/>
      <c r="AQ58" s="930"/>
      <c r="AR58" s="930"/>
      <c r="AS58" s="931"/>
      <c r="AT58" s="86"/>
      <c r="AU58" s="85"/>
      <c r="AV58" s="1"/>
      <c r="AW58" s="1"/>
      <c r="AX58" s="2"/>
      <c r="AY58" s="2"/>
      <c r="AZ58" s="2"/>
    </row>
    <row r="59" spans="2:52" ht="22.5" customHeight="1" x14ac:dyDescent="0.2">
      <c r="B59" s="156"/>
      <c r="C59" s="84"/>
      <c r="D59" s="912"/>
      <c r="E59" s="396" t="s">
        <v>93</v>
      </c>
      <c r="F59" s="397"/>
      <c r="G59" s="397"/>
      <c r="H59" s="397"/>
      <c r="I59" s="397"/>
      <c r="J59" s="397"/>
      <c r="K59" s="397"/>
      <c r="L59" s="397"/>
      <c r="M59" s="397"/>
      <c r="N59" s="397"/>
      <c r="O59" s="397"/>
      <c r="P59" s="397"/>
      <c r="Q59" s="397"/>
      <c r="R59" s="397"/>
      <c r="S59" s="397"/>
      <c r="T59" s="397"/>
      <c r="U59" s="397"/>
      <c r="V59" s="397"/>
      <c r="W59" s="397"/>
      <c r="X59" s="397"/>
      <c r="Y59" s="397"/>
      <c r="Z59" s="397"/>
      <c r="AA59" s="932" t="s">
        <v>9</v>
      </c>
      <c r="AB59" s="933"/>
      <c r="AC59" s="933"/>
      <c r="AD59" s="933"/>
      <c r="AE59" s="934"/>
      <c r="AF59" s="938" t="s">
        <v>70</v>
      </c>
      <c r="AG59" s="939"/>
      <c r="AH59" s="939"/>
      <c r="AI59" s="939"/>
      <c r="AJ59" s="939"/>
      <c r="AK59" s="939"/>
      <c r="AL59" s="939"/>
      <c r="AM59" s="939"/>
      <c r="AN59" s="939"/>
      <c r="AO59" s="939"/>
      <c r="AP59" s="939"/>
      <c r="AQ59" s="939"/>
      <c r="AR59" s="939"/>
      <c r="AS59" s="940"/>
      <c r="AT59" s="86"/>
      <c r="AU59" s="85"/>
      <c r="AV59" s="1"/>
      <c r="AW59" s="1"/>
      <c r="AX59" s="2"/>
      <c r="AY59" s="2"/>
      <c r="AZ59" s="2"/>
    </row>
    <row r="60" spans="2:52" ht="22.5" customHeight="1" x14ac:dyDescent="0.2">
      <c r="B60" s="156"/>
      <c r="C60" s="84"/>
      <c r="D60" s="912"/>
      <c r="E60" s="450"/>
      <c r="F60" s="941"/>
      <c r="G60" s="941"/>
      <c r="H60" s="941"/>
      <c r="I60" s="941"/>
      <c r="J60" s="941"/>
      <c r="K60" s="941"/>
      <c r="L60" s="941"/>
      <c r="M60" s="941"/>
      <c r="N60" s="941"/>
      <c r="O60" s="941"/>
      <c r="P60" s="941"/>
      <c r="Q60" s="941"/>
      <c r="R60" s="941"/>
      <c r="S60" s="941"/>
      <c r="T60" s="941"/>
      <c r="U60" s="941"/>
      <c r="V60" s="941"/>
      <c r="W60" s="941"/>
      <c r="X60" s="941"/>
      <c r="Y60" s="941"/>
      <c r="Z60" s="942"/>
      <c r="AA60" s="935"/>
      <c r="AB60" s="936"/>
      <c r="AC60" s="936"/>
      <c r="AD60" s="936"/>
      <c r="AE60" s="937"/>
      <c r="AF60" s="943"/>
      <c r="AG60" s="944"/>
      <c r="AH60" s="944"/>
      <c r="AI60" s="944"/>
      <c r="AJ60" s="944"/>
      <c r="AK60" s="944"/>
      <c r="AL60" s="944"/>
      <c r="AM60" s="944"/>
      <c r="AN60" s="944"/>
      <c r="AO60" s="944"/>
      <c r="AP60" s="944"/>
      <c r="AQ60" s="944"/>
      <c r="AR60" s="944"/>
      <c r="AS60" s="945"/>
      <c r="AT60" s="86"/>
      <c r="AU60" s="85"/>
      <c r="AV60" s="1"/>
      <c r="AW60" s="1"/>
      <c r="AX60" s="2"/>
      <c r="AY60" s="2"/>
      <c r="AZ60" s="2"/>
    </row>
    <row r="61" spans="2:52" ht="22.5" customHeight="1" x14ac:dyDescent="0.2">
      <c r="B61" s="156"/>
      <c r="C61" s="84"/>
      <c r="D61" s="912"/>
      <c r="E61" s="410" t="s">
        <v>72</v>
      </c>
      <c r="F61" s="410"/>
      <c r="G61" s="410"/>
      <c r="H61" s="410"/>
      <c r="I61" s="410"/>
      <c r="J61" s="410"/>
      <c r="K61" s="410"/>
      <c r="L61" s="410"/>
      <c r="M61" s="410"/>
      <c r="N61" s="410"/>
      <c r="O61" s="410"/>
      <c r="P61" s="410"/>
      <c r="Q61" s="410"/>
      <c r="R61" s="410"/>
      <c r="S61" s="410"/>
      <c r="T61" s="410"/>
      <c r="U61" s="410"/>
      <c r="V61" s="410"/>
      <c r="W61" s="410"/>
      <c r="X61" s="410"/>
      <c r="Y61" s="410"/>
      <c r="Z61" s="410"/>
      <c r="AA61" s="422" t="s">
        <v>73</v>
      </c>
      <c r="AB61" s="423"/>
      <c r="AC61" s="451"/>
      <c r="AD61" s="451"/>
      <c r="AE61" s="451"/>
      <c r="AF61" s="452" t="s">
        <v>101</v>
      </c>
      <c r="AG61" s="453"/>
      <c r="AH61" s="454"/>
      <c r="AI61" s="454"/>
      <c r="AJ61" s="454"/>
      <c r="AK61" s="454"/>
      <c r="AL61" s="454"/>
      <c r="AM61" s="454"/>
      <c r="AN61" s="454"/>
      <c r="AO61" s="454"/>
      <c r="AP61" s="454"/>
      <c r="AQ61" s="454"/>
      <c r="AR61" s="454"/>
      <c r="AS61" s="455"/>
      <c r="AT61" s="86"/>
      <c r="AU61" s="85"/>
      <c r="AV61" s="1"/>
      <c r="AW61" s="1"/>
      <c r="AX61" s="2"/>
      <c r="AY61" s="2"/>
      <c r="AZ61" s="2"/>
    </row>
    <row r="62" spans="2:52" ht="22.5" customHeight="1" x14ac:dyDescent="0.2">
      <c r="B62" s="156"/>
      <c r="C62" s="84"/>
      <c r="D62" s="912"/>
      <c r="E62" s="456" t="s">
        <v>74</v>
      </c>
      <c r="F62" s="457" t="s">
        <v>48</v>
      </c>
      <c r="G62" s="457"/>
      <c r="H62" s="457" t="s">
        <v>75</v>
      </c>
      <c r="I62" s="458" t="s">
        <v>51</v>
      </c>
      <c r="J62" s="457" t="s">
        <v>76</v>
      </c>
      <c r="K62" s="457"/>
      <c r="L62" s="457"/>
      <c r="M62" s="458" t="s">
        <v>51</v>
      </c>
      <c r="N62" s="457" t="s">
        <v>77</v>
      </c>
      <c r="O62" s="457"/>
      <c r="P62" s="457"/>
      <c r="Q62" s="457"/>
      <c r="R62" s="458" t="s">
        <v>51</v>
      </c>
      <c r="S62" s="457" t="s">
        <v>78</v>
      </c>
      <c r="T62" s="457"/>
      <c r="U62" s="457"/>
      <c r="V62" s="457"/>
      <c r="W62" s="459" t="s">
        <v>47</v>
      </c>
      <c r="X62" s="457"/>
      <c r="Y62" s="457"/>
      <c r="Z62" s="460"/>
      <c r="AA62" s="461"/>
      <c r="AB62" s="434"/>
      <c r="AC62" s="434"/>
      <c r="AD62" s="434"/>
      <c r="AE62" s="434"/>
      <c r="AF62" s="435"/>
      <c r="AG62" s="397"/>
      <c r="AH62" s="397"/>
      <c r="AI62" s="397"/>
      <c r="AJ62" s="397"/>
      <c r="AK62" s="397"/>
      <c r="AL62" s="397"/>
      <c r="AM62" s="397"/>
      <c r="AN62" s="397"/>
      <c r="AO62" s="397"/>
      <c r="AP62" s="397"/>
      <c r="AQ62" s="397"/>
      <c r="AR62" s="397"/>
      <c r="AS62" s="402"/>
      <c r="AT62" s="86"/>
      <c r="AU62" s="85"/>
      <c r="AV62" s="1"/>
      <c r="AW62" s="1"/>
      <c r="AX62" s="2"/>
      <c r="AY62" s="2"/>
      <c r="AZ62" s="2"/>
    </row>
    <row r="63" spans="2:52" ht="22.5" customHeight="1" thickBot="1" x14ac:dyDescent="0.25">
      <c r="B63" s="156"/>
      <c r="C63" s="84"/>
      <c r="D63" s="912"/>
      <c r="E63" s="462" t="s">
        <v>79</v>
      </c>
      <c r="F63" s="463" t="s">
        <v>51</v>
      </c>
      <c r="G63" s="397" t="s">
        <v>49</v>
      </c>
      <c r="H63" s="464"/>
      <c r="I63" s="464"/>
      <c r="J63" s="464"/>
      <c r="K63" s="464"/>
      <c r="L63" s="464"/>
      <c r="M63" s="464"/>
      <c r="N63" s="464"/>
      <c r="O63" s="464"/>
      <c r="P63" s="464"/>
      <c r="Q63" s="464"/>
      <c r="R63" s="464"/>
      <c r="S63" s="464"/>
      <c r="T63" s="464"/>
      <c r="U63" s="464"/>
      <c r="V63" s="464"/>
      <c r="W63" s="464"/>
      <c r="X63" s="464"/>
      <c r="Y63" s="464"/>
      <c r="Z63" s="465"/>
      <c r="AA63" s="466"/>
      <c r="AB63" s="913"/>
      <c r="AC63" s="913"/>
      <c r="AD63" s="913"/>
      <c r="AE63" s="913"/>
      <c r="AF63" s="913"/>
      <c r="AG63" s="913"/>
      <c r="AH63" s="913"/>
      <c r="AI63" s="913"/>
      <c r="AJ63" s="913"/>
      <c r="AK63" s="913"/>
      <c r="AL63" s="913"/>
      <c r="AM63" s="913"/>
      <c r="AN63" s="913"/>
      <c r="AO63" s="913"/>
      <c r="AP63" s="913"/>
      <c r="AQ63" s="913"/>
      <c r="AR63" s="913"/>
      <c r="AS63" s="914"/>
      <c r="AT63" s="86"/>
      <c r="AU63" s="85"/>
      <c r="AV63" s="1"/>
      <c r="AW63" s="1"/>
      <c r="AX63" s="2"/>
      <c r="AY63" s="2"/>
      <c r="AZ63" s="2"/>
    </row>
    <row r="64" spans="2:52" ht="35.4" customHeight="1" x14ac:dyDescent="0.2">
      <c r="B64" s="604"/>
      <c r="C64" s="605"/>
      <c r="D64" s="887" t="s">
        <v>13</v>
      </c>
      <c r="E64" s="607" t="s">
        <v>135</v>
      </c>
      <c r="F64" s="608"/>
      <c r="G64" s="608"/>
      <c r="H64" s="608"/>
      <c r="I64" s="608"/>
      <c r="J64" s="608"/>
      <c r="K64" s="608"/>
      <c r="L64" s="608"/>
      <c r="M64" s="608"/>
      <c r="N64" s="608"/>
      <c r="O64" s="608"/>
      <c r="P64" s="608"/>
      <c r="Q64" s="608"/>
      <c r="R64" s="608"/>
      <c r="S64" s="608"/>
      <c r="T64" s="608"/>
      <c r="U64" s="608"/>
      <c r="V64" s="609"/>
      <c r="W64" s="610" t="s">
        <v>51</v>
      </c>
      <c r="X64" s="610"/>
      <c r="Y64" s="610"/>
      <c r="Z64" s="611"/>
      <c r="AA64" s="612" t="s">
        <v>232</v>
      </c>
      <c r="AB64" s="613"/>
      <c r="AC64" s="613"/>
      <c r="AD64" s="613"/>
      <c r="AE64" s="613"/>
      <c r="AF64" s="613"/>
      <c r="AG64" s="613"/>
      <c r="AH64" s="613"/>
      <c r="AI64" s="613"/>
      <c r="AJ64" s="613"/>
      <c r="AK64" s="613"/>
      <c r="AL64" s="613"/>
      <c r="AM64" s="613"/>
      <c r="AN64" s="613"/>
      <c r="AO64" s="614"/>
      <c r="AP64" s="615" t="s">
        <v>51</v>
      </c>
      <c r="AQ64" s="615"/>
      <c r="AR64" s="615"/>
      <c r="AS64" s="616"/>
      <c r="AT64" s="605"/>
      <c r="AU64" s="604"/>
      <c r="AV64" s="1"/>
      <c r="AW64" s="5"/>
      <c r="AX64" s="6"/>
      <c r="AY64" s="6"/>
      <c r="AZ64" s="6"/>
    </row>
    <row r="65" spans="1:52" ht="30" customHeight="1" x14ac:dyDescent="0.2">
      <c r="B65" s="604"/>
      <c r="C65" s="605"/>
      <c r="D65" s="888"/>
      <c r="E65" s="551" t="s">
        <v>231</v>
      </c>
      <c r="F65" s="552"/>
      <c r="G65" s="552"/>
      <c r="H65" s="552"/>
      <c r="I65" s="552"/>
      <c r="J65" s="552"/>
      <c r="K65" s="552"/>
      <c r="L65" s="552"/>
      <c r="M65" s="552"/>
      <c r="N65" s="552"/>
      <c r="O65" s="552"/>
      <c r="P65" s="552"/>
      <c r="Q65" s="552"/>
      <c r="R65" s="552"/>
      <c r="S65" s="552"/>
      <c r="T65" s="552"/>
      <c r="U65" s="552"/>
      <c r="V65" s="553"/>
      <c r="W65" s="554" t="s">
        <v>51</v>
      </c>
      <c r="X65" s="554"/>
      <c r="Y65" s="554"/>
      <c r="Z65" s="555"/>
      <c r="AA65" s="556" t="s">
        <v>129</v>
      </c>
      <c r="AB65" s="557"/>
      <c r="AC65" s="557"/>
      <c r="AD65" s="557"/>
      <c r="AE65" s="557"/>
      <c r="AF65" s="557"/>
      <c r="AG65" s="557"/>
      <c r="AH65" s="557"/>
      <c r="AI65" s="557"/>
      <c r="AJ65" s="557"/>
      <c r="AK65" s="557"/>
      <c r="AL65" s="557"/>
      <c r="AM65" s="557"/>
      <c r="AN65" s="557"/>
      <c r="AO65" s="558"/>
      <c r="AP65" s="618" t="s">
        <v>51</v>
      </c>
      <c r="AQ65" s="618"/>
      <c r="AR65" s="618"/>
      <c r="AS65" s="619"/>
      <c r="AT65" s="605"/>
      <c r="AU65" s="604"/>
      <c r="AV65" s="1"/>
      <c r="AW65" s="5"/>
      <c r="AX65" s="6"/>
      <c r="AY65" s="6"/>
      <c r="AZ65" s="6"/>
    </row>
    <row r="66" spans="1:52" s="10" customFormat="1" ht="32.4" customHeight="1" x14ac:dyDescent="0.45">
      <c r="A66" s="11"/>
      <c r="B66" s="604"/>
      <c r="C66" s="605"/>
      <c r="D66" s="888"/>
      <c r="E66" s="467" t="s">
        <v>3</v>
      </c>
      <c r="F66" s="390"/>
      <c r="G66" s="390"/>
      <c r="H66" s="390"/>
      <c r="I66" s="890"/>
      <c r="J66" s="890"/>
      <c r="K66" s="890"/>
      <c r="L66" s="890"/>
      <c r="M66" s="890"/>
      <c r="N66" s="890"/>
      <c r="O66" s="890"/>
      <c r="P66" s="890"/>
      <c r="Q66" s="890"/>
      <c r="R66" s="890"/>
      <c r="S66" s="890"/>
      <c r="T66" s="890"/>
      <c r="U66" s="890"/>
      <c r="V66" s="890"/>
      <c r="W66" s="890"/>
      <c r="X66" s="890"/>
      <c r="Y66" s="890"/>
      <c r="Z66" s="891"/>
      <c r="AA66" s="892" t="s">
        <v>92</v>
      </c>
      <c r="AB66" s="893"/>
      <c r="AC66" s="893"/>
      <c r="AD66" s="893"/>
      <c r="AE66" s="894"/>
      <c r="AF66" s="898"/>
      <c r="AG66" s="899"/>
      <c r="AH66" s="899"/>
      <c r="AI66" s="899"/>
      <c r="AJ66" s="899"/>
      <c r="AK66" s="899"/>
      <c r="AL66" s="899"/>
      <c r="AM66" s="899"/>
      <c r="AN66" s="899"/>
      <c r="AO66" s="899"/>
      <c r="AP66" s="899"/>
      <c r="AQ66" s="899"/>
      <c r="AR66" s="899"/>
      <c r="AS66" s="900"/>
      <c r="AT66" s="605"/>
      <c r="AU66" s="604"/>
      <c r="AV66" s="7"/>
      <c r="AW66" s="8"/>
      <c r="AX66" s="9"/>
      <c r="AY66" s="9"/>
      <c r="AZ66" s="9"/>
    </row>
    <row r="67" spans="1:52" s="14" customFormat="1" ht="38.25" customHeight="1" x14ac:dyDescent="0.45">
      <c r="A67" s="11"/>
      <c r="B67" s="604"/>
      <c r="C67" s="605"/>
      <c r="D67" s="888"/>
      <c r="E67" s="468" t="s">
        <v>138</v>
      </c>
      <c r="F67" s="397"/>
      <c r="G67" s="397"/>
      <c r="H67" s="397"/>
      <c r="I67" s="397"/>
      <c r="J67" s="397"/>
      <c r="K67" s="397"/>
      <c r="L67" s="397"/>
      <c r="M67" s="397"/>
      <c r="N67" s="397"/>
      <c r="O67" s="397"/>
      <c r="P67" s="397"/>
      <c r="Q67" s="397"/>
      <c r="R67" s="397"/>
      <c r="S67" s="397"/>
      <c r="T67" s="397"/>
      <c r="U67" s="397"/>
      <c r="V67" s="397"/>
      <c r="W67" s="397"/>
      <c r="X67" s="397"/>
      <c r="Y67" s="397"/>
      <c r="Z67" s="397"/>
      <c r="AA67" s="892"/>
      <c r="AB67" s="893"/>
      <c r="AC67" s="893"/>
      <c r="AD67" s="893"/>
      <c r="AE67" s="894"/>
      <c r="AF67" s="901"/>
      <c r="AG67" s="899"/>
      <c r="AH67" s="899"/>
      <c r="AI67" s="899"/>
      <c r="AJ67" s="899"/>
      <c r="AK67" s="899"/>
      <c r="AL67" s="899"/>
      <c r="AM67" s="899"/>
      <c r="AN67" s="899"/>
      <c r="AO67" s="899"/>
      <c r="AP67" s="899"/>
      <c r="AQ67" s="899"/>
      <c r="AR67" s="899"/>
      <c r="AS67" s="900"/>
      <c r="AT67" s="605"/>
      <c r="AU67" s="604"/>
      <c r="AV67" s="11"/>
      <c r="AW67" s="12"/>
      <c r="AX67" s="13"/>
      <c r="AY67" s="13"/>
      <c r="AZ67" s="13"/>
    </row>
    <row r="68" spans="1:52" s="14" customFormat="1" ht="16.2" customHeight="1" thickBot="1" x14ac:dyDescent="0.5">
      <c r="A68" s="7"/>
      <c r="B68" s="604"/>
      <c r="C68" s="605"/>
      <c r="D68" s="889"/>
      <c r="E68" s="469"/>
      <c r="F68" s="905"/>
      <c r="G68" s="905"/>
      <c r="H68" s="905"/>
      <c r="I68" s="905"/>
      <c r="J68" s="905"/>
      <c r="K68" s="905"/>
      <c r="L68" s="905"/>
      <c r="M68" s="905"/>
      <c r="N68" s="905"/>
      <c r="O68" s="905"/>
      <c r="P68" s="905"/>
      <c r="Q68" s="905"/>
      <c r="R68" s="905"/>
      <c r="S68" s="905"/>
      <c r="T68" s="905"/>
      <c r="U68" s="905"/>
      <c r="V68" s="905"/>
      <c r="W68" s="905"/>
      <c r="X68" s="905"/>
      <c r="Y68" s="905"/>
      <c r="Z68" s="906"/>
      <c r="AA68" s="895"/>
      <c r="AB68" s="896"/>
      <c r="AC68" s="896"/>
      <c r="AD68" s="896"/>
      <c r="AE68" s="897"/>
      <c r="AF68" s="902"/>
      <c r="AG68" s="903"/>
      <c r="AH68" s="903"/>
      <c r="AI68" s="903"/>
      <c r="AJ68" s="903"/>
      <c r="AK68" s="903"/>
      <c r="AL68" s="903"/>
      <c r="AM68" s="903"/>
      <c r="AN68" s="903"/>
      <c r="AO68" s="903"/>
      <c r="AP68" s="903"/>
      <c r="AQ68" s="903"/>
      <c r="AR68" s="903"/>
      <c r="AS68" s="904"/>
      <c r="AT68" s="605"/>
      <c r="AU68" s="604"/>
      <c r="AV68" s="11"/>
      <c r="AW68" s="12"/>
      <c r="AX68" s="13"/>
      <c r="AY68" s="13"/>
      <c r="AZ68" s="13"/>
    </row>
    <row r="69" spans="1:52" s="10" customFormat="1" ht="22.5" customHeight="1" x14ac:dyDescent="0.45">
      <c r="A69" s="7"/>
      <c r="B69" s="604"/>
      <c r="C69" s="605"/>
      <c r="D69" s="887" t="s">
        <v>33</v>
      </c>
      <c r="E69" s="907" t="s">
        <v>51</v>
      </c>
      <c r="F69" s="908"/>
      <c r="G69" s="470" t="s">
        <v>83</v>
      </c>
      <c r="H69" s="471"/>
      <c r="I69" s="470"/>
      <c r="J69" s="470"/>
      <c r="K69" s="470"/>
      <c r="L69" s="470"/>
      <c r="M69" s="470"/>
      <c r="N69" s="470"/>
      <c r="O69" s="470"/>
      <c r="P69" s="470"/>
      <c r="Q69" s="470"/>
      <c r="R69" s="470"/>
      <c r="S69" s="470"/>
      <c r="T69" s="470"/>
      <c r="U69" s="470"/>
      <c r="V69" s="470"/>
      <c r="W69" s="470"/>
      <c r="X69" s="470"/>
      <c r="Y69" s="470"/>
      <c r="Z69" s="908" t="s">
        <v>51</v>
      </c>
      <c r="AA69" s="908"/>
      <c r="AB69" s="470"/>
      <c r="AC69" s="470"/>
      <c r="AD69" s="470"/>
      <c r="AE69" s="470"/>
      <c r="AF69" s="470"/>
      <c r="AG69" s="470"/>
      <c r="AH69" s="470"/>
      <c r="AI69" s="470"/>
      <c r="AJ69" s="470"/>
      <c r="AK69" s="470"/>
      <c r="AL69" s="470"/>
      <c r="AM69" s="470"/>
      <c r="AN69" s="470"/>
      <c r="AO69" s="470"/>
      <c r="AP69" s="470"/>
      <c r="AQ69" s="470"/>
      <c r="AR69" s="470"/>
      <c r="AS69" s="472"/>
      <c r="AT69" s="605"/>
      <c r="AU69" s="604"/>
      <c r="AV69" s="7"/>
      <c r="AW69" s="15"/>
      <c r="AX69" s="15"/>
      <c r="AY69" s="15"/>
      <c r="AZ69" s="15"/>
    </row>
    <row r="70" spans="1:52" s="10" customFormat="1" ht="22.5" customHeight="1" x14ac:dyDescent="0.45">
      <c r="A70" s="7"/>
      <c r="B70" s="604"/>
      <c r="C70" s="605"/>
      <c r="D70" s="888"/>
      <c r="E70" s="909" t="s">
        <v>46</v>
      </c>
      <c r="F70" s="910"/>
      <c r="G70" s="397" t="s">
        <v>139</v>
      </c>
      <c r="H70" s="473"/>
      <c r="I70" s="397"/>
      <c r="J70" s="397"/>
      <c r="K70" s="397"/>
      <c r="L70" s="397"/>
      <c r="M70" s="397"/>
      <c r="N70" s="397"/>
      <c r="O70" s="397"/>
      <c r="P70" s="397"/>
      <c r="Q70" s="397"/>
      <c r="R70" s="397"/>
      <c r="S70" s="397"/>
      <c r="T70" s="397"/>
      <c r="U70" s="397"/>
      <c r="V70" s="397"/>
      <c r="W70" s="397"/>
      <c r="X70" s="397"/>
      <c r="Y70" s="397"/>
      <c r="Z70" s="910" t="s">
        <v>51</v>
      </c>
      <c r="AA70" s="910"/>
      <c r="AB70" s="397"/>
      <c r="AC70" s="397"/>
      <c r="AD70" s="397"/>
      <c r="AE70" s="397"/>
      <c r="AF70" s="397"/>
      <c r="AG70" s="397"/>
      <c r="AH70" s="397"/>
      <c r="AI70" s="397"/>
      <c r="AJ70" s="397"/>
      <c r="AK70" s="397"/>
      <c r="AL70" s="397"/>
      <c r="AM70" s="397"/>
      <c r="AN70" s="397"/>
      <c r="AO70" s="397"/>
      <c r="AP70" s="397"/>
      <c r="AQ70" s="397"/>
      <c r="AR70" s="397"/>
      <c r="AS70" s="402"/>
      <c r="AT70" s="605"/>
      <c r="AU70" s="604"/>
      <c r="AV70" s="7"/>
      <c r="AW70" s="15"/>
      <c r="AX70" s="15"/>
      <c r="AY70" s="15"/>
      <c r="AZ70" s="15"/>
    </row>
    <row r="71" spans="1:52" s="10" customFormat="1" ht="22.5" customHeight="1" x14ac:dyDescent="0.45">
      <c r="A71" s="7"/>
      <c r="B71" s="604"/>
      <c r="C71" s="605"/>
      <c r="D71" s="888"/>
      <c r="E71" s="909" t="s">
        <v>51</v>
      </c>
      <c r="F71" s="910"/>
      <c r="G71" s="464"/>
      <c r="H71" s="464"/>
      <c r="I71" s="464"/>
      <c r="J71" s="464"/>
      <c r="K71" s="464"/>
      <c r="L71" s="464"/>
      <c r="M71" s="464"/>
      <c r="N71" s="464"/>
      <c r="O71" s="464"/>
      <c r="P71" s="464"/>
      <c r="Q71" s="464"/>
      <c r="R71" s="464"/>
      <c r="S71" s="464"/>
      <c r="T71" s="464"/>
      <c r="U71" s="464"/>
      <c r="V71" s="464"/>
      <c r="W71" s="464"/>
      <c r="X71" s="464"/>
      <c r="Y71" s="464"/>
      <c r="Z71" s="910" t="s">
        <v>51</v>
      </c>
      <c r="AA71" s="910"/>
      <c r="AB71" s="464"/>
      <c r="AC71" s="464"/>
      <c r="AD71" s="464"/>
      <c r="AE71" s="464"/>
      <c r="AF71" s="464"/>
      <c r="AG71" s="464"/>
      <c r="AH71" s="464"/>
      <c r="AI71" s="464"/>
      <c r="AJ71" s="464"/>
      <c r="AK71" s="464"/>
      <c r="AL71" s="464"/>
      <c r="AM71" s="464"/>
      <c r="AN71" s="464"/>
      <c r="AO71" s="464"/>
      <c r="AP71" s="464"/>
      <c r="AQ71" s="464"/>
      <c r="AR71" s="464"/>
      <c r="AS71" s="474"/>
      <c r="AT71" s="605"/>
      <c r="AU71" s="604"/>
      <c r="AV71" s="7"/>
      <c r="AW71" s="15"/>
      <c r="AX71" s="15"/>
      <c r="AY71" s="15"/>
      <c r="AZ71" s="15"/>
    </row>
    <row r="72" spans="1:52" s="10" customFormat="1" ht="22.5" customHeight="1" thickBot="1" x14ac:dyDescent="0.5">
      <c r="A72" s="7"/>
      <c r="B72" s="604"/>
      <c r="C72" s="605"/>
      <c r="D72" s="889"/>
      <c r="E72" s="880" t="s">
        <v>51</v>
      </c>
      <c r="F72" s="881"/>
      <c r="G72" s="475"/>
      <c r="H72" s="475"/>
      <c r="I72" s="475"/>
      <c r="J72" s="475"/>
      <c r="K72" s="475"/>
      <c r="L72" s="475"/>
      <c r="M72" s="475"/>
      <c r="N72" s="475"/>
      <c r="O72" s="475"/>
      <c r="P72" s="475"/>
      <c r="Q72" s="475"/>
      <c r="R72" s="475"/>
      <c r="S72" s="475"/>
      <c r="T72" s="475"/>
      <c r="U72" s="475"/>
      <c r="V72" s="475"/>
      <c r="W72" s="475"/>
      <c r="X72" s="475"/>
      <c r="Y72" s="475"/>
      <c r="Z72" s="881" t="s">
        <v>51</v>
      </c>
      <c r="AA72" s="881"/>
      <c r="AB72" s="475"/>
      <c r="AC72" s="475"/>
      <c r="AD72" s="475"/>
      <c r="AE72" s="475"/>
      <c r="AF72" s="475"/>
      <c r="AG72" s="475"/>
      <c r="AH72" s="475"/>
      <c r="AI72" s="475"/>
      <c r="AJ72" s="475"/>
      <c r="AK72" s="475"/>
      <c r="AL72" s="475"/>
      <c r="AM72" s="475"/>
      <c r="AN72" s="475"/>
      <c r="AO72" s="475"/>
      <c r="AP72" s="475"/>
      <c r="AQ72" s="475"/>
      <c r="AR72" s="475"/>
      <c r="AS72" s="476"/>
      <c r="AT72" s="605"/>
      <c r="AU72" s="604"/>
      <c r="AV72" s="7"/>
      <c r="AW72" s="15"/>
      <c r="AX72" s="15"/>
      <c r="AY72" s="15"/>
      <c r="AZ72" s="15"/>
    </row>
    <row r="73" spans="1:52" s="4" customFormat="1" ht="22.5" customHeight="1" thickTop="1" x14ac:dyDescent="0.2">
      <c r="A73" s="18"/>
      <c r="B73" s="604"/>
      <c r="C73" s="605"/>
      <c r="D73" s="807" t="s">
        <v>206</v>
      </c>
      <c r="E73" s="882" t="s">
        <v>221</v>
      </c>
      <c r="F73" s="883"/>
      <c r="G73" s="883"/>
      <c r="H73" s="883"/>
      <c r="I73" s="883"/>
      <c r="J73" s="883"/>
      <c r="K73" s="883"/>
      <c r="L73" s="883"/>
      <c r="M73" s="883"/>
      <c r="N73" s="883"/>
      <c r="O73" s="884" t="s">
        <v>86</v>
      </c>
      <c r="P73" s="885"/>
      <c r="Q73" s="885"/>
      <c r="R73" s="885"/>
      <c r="S73" s="885"/>
      <c r="T73" s="885"/>
      <c r="U73" s="885"/>
      <c r="V73" s="885"/>
      <c r="W73" s="885"/>
      <c r="X73" s="885"/>
      <c r="Y73" s="885"/>
      <c r="Z73" s="885"/>
      <c r="AA73" s="885"/>
      <c r="AB73" s="885"/>
      <c r="AC73" s="885"/>
      <c r="AD73" s="885"/>
      <c r="AE73" s="885"/>
      <c r="AF73" s="781" t="s">
        <v>32</v>
      </c>
      <c r="AG73" s="782"/>
      <c r="AH73" s="782"/>
      <c r="AI73" s="782"/>
      <c r="AJ73" s="782"/>
      <c r="AK73" s="782"/>
      <c r="AL73" s="782"/>
      <c r="AM73" s="782"/>
      <c r="AN73" s="782"/>
      <c r="AO73" s="782"/>
      <c r="AP73" s="782"/>
      <c r="AQ73" s="782"/>
      <c r="AR73" s="782"/>
      <c r="AS73" s="886"/>
      <c r="AT73" s="605"/>
      <c r="AU73" s="604"/>
      <c r="AV73" s="3"/>
      <c r="AW73" s="16"/>
      <c r="AX73" s="17"/>
      <c r="AY73" s="17"/>
      <c r="AZ73" s="17"/>
    </row>
    <row r="74" spans="1:52" s="21" customFormat="1" ht="22.5" customHeight="1" x14ac:dyDescent="0.2">
      <c r="A74" s="3"/>
      <c r="B74" s="604"/>
      <c r="C74" s="605"/>
      <c r="D74" s="808"/>
      <c r="E74" s="602">
        <v>1</v>
      </c>
      <c r="F74" s="575"/>
      <c r="G74" s="576"/>
      <c r="H74" s="576"/>
      <c r="I74" s="576"/>
      <c r="J74" s="576"/>
      <c r="K74" s="576"/>
      <c r="L74" s="576"/>
      <c r="M74" s="576"/>
      <c r="N74" s="577"/>
      <c r="O74" s="578"/>
      <c r="P74" s="578"/>
      <c r="Q74" s="578"/>
      <c r="R74" s="578"/>
      <c r="S74" s="578"/>
      <c r="T74" s="578"/>
      <c r="U74" s="578"/>
      <c r="V74" s="578"/>
      <c r="W74" s="578"/>
      <c r="X74" s="578"/>
      <c r="Y74" s="578"/>
      <c r="Z74" s="578"/>
      <c r="AA74" s="578"/>
      <c r="AB74" s="578"/>
      <c r="AC74" s="578"/>
      <c r="AD74" s="578"/>
      <c r="AE74" s="578"/>
      <c r="AF74" s="559"/>
      <c r="AG74" s="560"/>
      <c r="AH74" s="560"/>
      <c r="AI74" s="560"/>
      <c r="AJ74" s="560"/>
      <c r="AK74" s="560"/>
      <c r="AL74" s="560"/>
      <c r="AM74" s="560"/>
      <c r="AN74" s="560"/>
      <c r="AO74" s="560"/>
      <c r="AP74" s="560"/>
      <c r="AQ74" s="560"/>
      <c r="AR74" s="560"/>
      <c r="AS74" s="872"/>
      <c r="AT74" s="605"/>
      <c r="AU74" s="604"/>
      <c r="AV74" s="18"/>
      <c r="AW74" s="19"/>
      <c r="AX74" s="20"/>
      <c r="AY74" s="20"/>
      <c r="AZ74" s="20"/>
    </row>
    <row r="75" spans="1:52" s="4" customFormat="1" ht="22.5" customHeight="1" x14ac:dyDescent="0.2">
      <c r="A75" s="3"/>
      <c r="B75" s="604"/>
      <c r="C75" s="605"/>
      <c r="D75" s="808"/>
      <c r="E75" s="603"/>
      <c r="F75" s="565" t="s">
        <v>87</v>
      </c>
      <c r="G75" s="566"/>
      <c r="H75" s="566"/>
      <c r="I75" s="566"/>
      <c r="J75" s="566"/>
      <c r="K75" s="566"/>
      <c r="L75" s="566"/>
      <c r="M75" s="566"/>
      <c r="N75" s="567"/>
      <c r="O75" s="578"/>
      <c r="P75" s="578"/>
      <c r="Q75" s="578"/>
      <c r="R75" s="578"/>
      <c r="S75" s="578"/>
      <c r="T75" s="578"/>
      <c r="U75" s="578"/>
      <c r="V75" s="578"/>
      <c r="W75" s="578"/>
      <c r="X75" s="578"/>
      <c r="Y75" s="578"/>
      <c r="Z75" s="578"/>
      <c r="AA75" s="578"/>
      <c r="AB75" s="578"/>
      <c r="AC75" s="578"/>
      <c r="AD75" s="578"/>
      <c r="AE75" s="578"/>
      <c r="AF75" s="562"/>
      <c r="AG75" s="563"/>
      <c r="AH75" s="563"/>
      <c r="AI75" s="563"/>
      <c r="AJ75" s="563"/>
      <c r="AK75" s="563"/>
      <c r="AL75" s="563"/>
      <c r="AM75" s="563"/>
      <c r="AN75" s="563"/>
      <c r="AO75" s="563"/>
      <c r="AP75" s="563"/>
      <c r="AQ75" s="563"/>
      <c r="AR75" s="563"/>
      <c r="AS75" s="879"/>
      <c r="AT75" s="605"/>
      <c r="AU75" s="604"/>
      <c r="AV75" s="3"/>
      <c r="AW75" s="16"/>
      <c r="AX75" s="17"/>
      <c r="AY75" s="17"/>
      <c r="AZ75" s="17"/>
    </row>
    <row r="76" spans="1:52" s="4" customFormat="1" ht="22.5" customHeight="1" x14ac:dyDescent="0.2">
      <c r="A76" s="18"/>
      <c r="B76" s="604"/>
      <c r="C76" s="605"/>
      <c r="D76" s="808"/>
      <c r="E76" s="636">
        <v>2</v>
      </c>
      <c r="F76" s="575"/>
      <c r="G76" s="576"/>
      <c r="H76" s="576"/>
      <c r="I76" s="576"/>
      <c r="J76" s="576"/>
      <c r="K76" s="576"/>
      <c r="L76" s="576"/>
      <c r="M76" s="576"/>
      <c r="N76" s="577"/>
      <c r="O76" s="578"/>
      <c r="P76" s="578"/>
      <c r="Q76" s="578"/>
      <c r="R76" s="578"/>
      <c r="S76" s="578"/>
      <c r="T76" s="578"/>
      <c r="U76" s="578"/>
      <c r="V76" s="578"/>
      <c r="W76" s="578"/>
      <c r="X76" s="578"/>
      <c r="Y76" s="578"/>
      <c r="Z76" s="578"/>
      <c r="AA76" s="578"/>
      <c r="AB76" s="578"/>
      <c r="AC76" s="578"/>
      <c r="AD76" s="578"/>
      <c r="AE76" s="578"/>
      <c r="AF76" s="559"/>
      <c r="AG76" s="560"/>
      <c r="AH76" s="560"/>
      <c r="AI76" s="560"/>
      <c r="AJ76" s="560"/>
      <c r="AK76" s="560"/>
      <c r="AL76" s="560"/>
      <c r="AM76" s="560"/>
      <c r="AN76" s="560"/>
      <c r="AO76" s="560"/>
      <c r="AP76" s="560"/>
      <c r="AQ76" s="560"/>
      <c r="AR76" s="560"/>
      <c r="AS76" s="872"/>
      <c r="AT76" s="605"/>
      <c r="AU76" s="604"/>
      <c r="AV76" s="3"/>
      <c r="AW76" s="16"/>
      <c r="AX76" s="17"/>
      <c r="AY76" s="17"/>
      <c r="AZ76" s="17"/>
    </row>
    <row r="77" spans="1:52" s="21" customFormat="1" ht="22.5" customHeight="1" x14ac:dyDescent="0.2">
      <c r="A77" s="3"/>
      <c r="B77" s="604"/>
      <c r="C77" s="605"/>
      <c r="D77" s="808"/>
      <c r="E77" s="637"/>
      <c r="F77" s="565" t="s">
        <v>87</v>
      </c>
      <c r="G77" s="566"/>
      <c r="H77" s="566"/>
      <c r="I77" s="566"/>
      <c r="J77" s="566"/>
      <c r="K77" s="566"/>
      <c r="L77" s="566"/>
      <c r="M77" s="566"/>
      <c r="N77" s="567"/>
      <c r="O77" s="578"/>
      <c r="P77" s="578"/>
      <c r="Q77" s="578"/>
      <c r="R77" s="578"/>
      <c r="S77" s="578"/>
      <c r="T77" s="578"/>
      <c r="U77" s="578"/>
      <c r="V77" s="578"/>
      <c r="W77" s="578"/>
      <c r="X77" s="578"/>
      <c r="Y77" s="578"/>
      <c r="Z77" s="578"/>
      <c r="AA77" s="578"/>
      <c r="AB77" s="578"/>
      <c r="AC77" s="578"/>
      <c r="AD77" s="578"/>
      <c r="AE77" s="578"/>
      <c r="AF77" s="562"/>
      <c r="AG77" s="563"/>
      <c r="AH77" s="563"/>
      <c r="AI77" s="563"/>
      <c r="AJ77" s="563"/>
      <c r="AK77" s="563"/>
      <c r="AL77" s="563"/>
      <c r="AM77" s="563"/>
      <c r="AN77" s="563"/>
      <c r="AO77" s="563"/>
      <c r="AP77" s="563"/>
      <c r="AQ77" s="563"/>
      <c r="AR77" s="563"/>
      <c r="AS77" s="879"/>
      <c r="AT77" s="605"/>
      <c r="AU77" s="604"/>
      <c r="AV77" s="18"/>
      <c r="AW77" s="19"/>
      <c r="AX77" s="20"/>
      <c r="AY77" s="20"/>
      <c r="AZ77" s="20"/>
    </row>
    <row r="78" spans="1:52" s="4" customFormat="1" ht="22.5" customHeight="1" x14ac:dyDescent="0.2">
      <c r="A78" s="3"/>
      <c r="B78" s="604"/>
      <c r="C78" s="605"/>
      <c r="D78" s="808"/>
      <c r="E78" s="574">
        <v>3</v>
      </c>
      <c r="F78" s="575"/>
      <c r="G78" s="576"/>
      <c r="H78" s="576"/>
      <c r="I78" s="576"/>
      <c r="J78" s="576"/>
      <c r="K78" s="576"/>
      <c r="L78" s="576"/>
      <c r="M78" s="576"/>
      <c r="N78" s="577"/>
      <c r="O78" s="578"/>
      <c r="P78" s="578"/>
      <c r="Q78" s="578"/>
      <c r="R78" s="578"/>
      <c r="S78" s="578"/>
      <c r="T78" s="578"/>
      <c r="U78" s="578"/>
      <c r="V78" s="578"/>
      <c r="W78" s="578"/>
      <c r="X78" s="578"/>
      <c r="Y78" s="578"/>
      <c r="Z78" s="578"/>
      <c r="AA78" s="578"/>
      <c r="AB78" s="578"/>
      <c r="AC78" s="578"/>
      <c r="AD78" s="578"/>
      <c r="AE78" s="578"/>
      <c r="AF78" s="559"/>
      <c r="AG78" s="560"/>
      <c r="AH78" s="560"/>
      <c r="AI78" s="560"/>
      <c r="AJ78" s="560"/>
      <c r="AK78" s="560"/>
      <c r="AL78" s="560"/>
      <c r="AM78" s="560"/>
      <c r="AN78" s="560"/>
      <c r="AO78" s="560"/>
      <c r="AP78" s="560"/>
      <c r="AQ78" s="560"/>
      <c r="AR78" s="560"/>
      <c r="AS78" s="872"/>
      <c r="AT78" s="605"/>
      <c r="AU78" s="604"/>
      <c r="AV78" s="3"/>
      <c r="AW78" s="16"/>
      <c r="AX78" s="17"/>
      <c r="AY78" s="17"/>
      <c r="AZ78" s="17"/>
    </row>
    <row r="79" spans="1:52" s="4" customFormat="1" ht="22.5" customHeight="1" x14ac:dyDescent="0.2">
      <c r="A79" s="18"/>
      <c r="B79" s="604"/>
      <c r="C79" s="605"/>
      <c r="D79" s="808"/>
      <c r="E79" s="574"/>
      <c r="F79" s="565" t="s">
        <v>87</v>
      </c>
      <c r="G79" s="566"/>
      <c r="H79" s="566"/>
      <c r="I79" s="566"/>
      <c r="J79" s="566"/>
      <c r="K79" s="566"/>
      <c r="L79" s="566"/>
      <c r="M79" s="566"/>
      <c r="N79" s="567"/>
      <c r="O79" s="578"/>
      <c r="P79" s="578"/>
      <c r="Q79" s="578"/>
      <c r="R79" s="578"/>
      <c r="S79" s="578"/>
      <c r="T79" s="578"/>
      <c r="U79" s="578"/>
      <c r="V79" s="578"/>
      <c r="W79" s="578"/>
      <c r="X79" s="578"/>
      <c r="Y79" s="578"/>
      <c r="Z79" s="578"/>
      <c r="AA79" s="578"/>
      <c r="AB79" s="578"/>
      <c r="AC79" s="578"/>
      <c r="AD79" s="578"/>
      <c r="AE79" s="578"/>
      <c r="AF79" s="562"/>
      <c r="AG79" s="563"/>
      <c r="AH79" s="563"/>
      <c r="AI79" s="563"/>
      <c r="AJ79" s="563"/>
      <c r="AK79" s="563"/>
      <c r="AL79" s="563"/>
      <c r="AM79" s="563"/>
      <c r="AN79" s="563"/>
      <c r="AO79" s="563"/>
      <c r="AP79" s="563"/>
      <c r="AQ79" s="563"/>
      <c r="AR79" s="563"/>
      <c r="AS79" s="879"/>
      <c r="AT79" s="605"/>
      <c r="AU79" s="604"/>
      <c r="AV79" s="3"/>
      <c r="AW79" s="16"/>
      <c r="AX79" s="17"/>
      <c r="AY79" s="17"/>
      <c r="AZ79" s="17"/>
    </row>
    <row r="80" spans="1:52" s="21" customFormat="1" ht="22.5" customHeight="1" x14ac:dyDescent="0.45">
      <c r="A80" s="18"/>
      <c r="B80" s="604"/>
      <c r="C80" s="605"/>
      <c r="D80" s="808"/>
      <c r="E80" s="869">
        <v>4</v>
      </c>
      <c r="F80" s="575"/>
      <c r="G80" s="576"/>
      <c r="H80" s="576"/>
      <c r="I80" s="576"/>
      <c r="J80" s="576"/>
      <c r="K80" s="576"/>
      <c r="L80" s="576"/>
      <c r="M80" s="576"/>
      <c r="N80" s="577"/>
      <c r="O80" s="578"/>
      <c r="P80" s="578"/>
      <c r="Q80" s="578"/>
      <c r="R80" s="578"/>
      <c r="S80" s="578"/>
      <c r="T80" s="578"/>
      <c r="U80" s="578"/>
      <c r="V80" s="578"/>
      <c r="W80" s="578"/>
      <c r="X80" s="578"/>
      <c r="Y80" s="578"/>
      <c r="Z80" s="578"/>
      <c r="AA80" s="578"/>
      <c r="AB80" s="578"/>
      <c r="AC80" s="578"/>
      <c r="AD80" s="578"/>
      <c r="AE80" s="578"/>
      <c r="AF80" s="559"/>
      <c r="AG80" s="560"/>
      <c r="AH80" s="560"/>
      <c r="AI80" s="560"/>
      <c r="AJ80" s="560"/>
      <c r="AK80" s="560"/>
      <c r="AL80" s="560"/>
      <c r="AM80" s="560"/>
      <c r="AN80" s="560"/>
      <c r="AO80" s="560"/>
      <c r="AP80" s="560"/>
      <c r="AQ80" s="560"/>
      <c r="AR80" s="560"/>
      <c r="AS80" s="872"/>
      <c r="AT80" s="605"/>
      <c r="AU80" s="604"/>
      <c r="AV80" s="18"/>
      <c r="AW80" s="19"/>
      <c r="AX80" s="20"/>
      <c r="AY80" s="20"/>
      <c r="AZ80" s="20"/>
    </row>
    <row r="81" spans="1:52" s="21" customFormat="1" ht="22.5" customHeight="1" thickBot="1" x14ac:dyDescent="0.5">
      <c r="A81" s="18"/>
      <c r="B81" s="604"/>
      <c r="C81" s="605"/>
      <c r="D81" s="809"/>
      <c r="E81" s="870"/>
      <c r="F81" s="876" t="s">
        <v>87</v>
      </c>
      <c r="G81" s="877"/>
      <c r="H81" s="877"/>
      <c r="I81" s="877"/>
      <c r="J81" s="877"/>
      <c r="K81" s="877"/>
      <c r="L81" s="877"/>
      <c r="M81" s="877"/>
      <c r="N81" s="878"/>
      <c r="O81" s="871"/>
      <c r="P81" s="871"/>
      <c r="Q81" s="871"/>
      <c r="R81" s="871"/>
      <c r="S81" s="871"/>
      <c r="T81" s="871"/>
      <c r="U81" s="871"/>
      <c r="V81" s="871"/>
      <c r="W81" s="871"/>
      <c r="X81" s="871"/>
      <c r="Y81" s="871"/>
      <c r="Z81" s="871"/>
      <c r="AA81" s="871"/>
      <c r="AB81" s="871"/>
      <c r="AC81" s="871"/>
      <c r="AD81" s="871"/>
      <c r="AE81" s="871"/>
      <c r="AF81" s="873"/>
      <c r="AG81" s="874"/>
      <c r="AH81" s="874"/>
      <c r="AI81" s="874"/>
      <c r="AJ81" s="874"/>
      <c r="AK81" s="874"/>
      <c r="AL81" s="874"/>
      <c r="AM81" s="874"/>
      <c r="AN81" s="874"/>
      <c r="AO81" s="874"/>
      <c r="AP81" s="874"/>
      <c r="AQ81" s="874"/>
      <c r="AR81" s="874"/>
      <c r="AS81" s="875"/>
      <c r="AT81" s="605"/>
      <c r="AU81" s="604"/>
      <c r="AV81" s="18"/>
      <c r="AW81" s="19"/>
      <c r="AX81" s="20"/>
      <c r="AY81" s="20"/>
      <c r="AZ81" s="20"/>
    </row>
    <row r="82" spans="1:52" s="21" customFormat="1" ht="14.4" customHeight="1" x14ac:dyDescent="0.2">
      <c r="A82" s="1"/>
      <c r="B82" s="604"/>
      <c r="C82" s="605"/>
      <c r="D82" s="582" t="s">
        <v>32</v>
      </c>
      <c r="E82" s="589"/>
      <c r="F82" s="774"/>
      <c r="G82" s="774"/>
      <c r="H82" s="774"/>
      <c r="I82" s="774"/>
      <c r="J82" s="774"/>
      <c r="K82" s="774"/>
      <c r="L82" s="774"/>
      <c r="M82" s="774"/>
      <c r="N82" s="774"/>
      <c r="O82" s="774"/>
      <c r="P82" s="774"/>
      <c r="Q82" s="774"/>
      <c r="R82" s="774"/>
      <c r="S82" s="774"/>
      <c r="T82" s="774"/>
      <c r="U82" s="774"/>
      <c r="V82" s="774"/>
      <c r="W82" s="774"/>
      <c r="X82" s="774"/>
      <c r="Y82" s="774"/>
      <c r="Z82" s="774"/>
      <c r="AA82" s="774"/>
      <c r="AB82" s="774"/>
      <c r="AC82" s="774"/>
      <c r="AD82" s="774"/>
      <c r="AE82" s="774"/>
      <c r="AF82" s="774"/>
      <c r="AG82" s="774"/>
      <c r="AH82" s="774"/>
      <c r="AI82" s="774"/>
      <c r="AJ82" s="774"/>
      <c r="AK82" s="774"/>
      <c r="AL82" s="774"/>
      <c r="AM82" s="774"/>
      <c r="AN82" s="774"/>
      <c r="AO82" s="774"/>
      <c r="AP82" s="774"/>
      <c r="AQ82" s="774"/>
      <c r="AR82" s="774"/>
      <c r="AS82" s="775"/>
      <c r="AT82" s="605"/>
      <c r="AU82" s="604"/>
      <c r="AV82" s="18"/>
      <c r="AW82" s="19"/>
      <c r="AX82" s="20"/>
      <c r="AY82" s="20"/>
      <c r="AZ82" s="20"/>
    </row>
    <row r="83" spans="1:52" s="21" customFormat="1" ht="16.95" customHeight="1" x14ac:dyDescent="0.2">
      <c r="A83" s="1"/>
      <c r="B83" s="604"/>
      <c r="C83" s="605"/>
      <c r="D83" s="583"/>
      <c r="E83" s="773"/>
      <c r="F83" s="774"/>
      <c r="G83" s="774"/>
      <c r="H83" s="774"/>
      <c r="I83" s="774"/>
      <c r="J83" s="774"/>
      <c r="K83" s="774"/>
      <c r="L83" s="774"/>
      <c r="M83" s="774"/>
      <c r="N83" s="774"/>
      <c r="O83" s="774"/>
      <c r="P83" s="774"/>
      <c r="Q83" s="774"/>
      <c r="R83" s="774"/>
      <c r="S83" s="774"/>
      <c r="T83" s="774"/>
      <c r="U83" s="774"/>
      <c r="V83" s="774"/>
      <c r="W83" s="774"/>
      <c r="X83" s="774"/>
      <c r="Y83" s="774"/>
      <c r="Z83" s="774"/>
      <c r="AA83" s="774"/>
      <c r="AB83" s="774"/>
      <c r="AC83" s="774"/>
      <c r="AD83" s="774"/>
      <c r="AE83" s="774"/>
      <c r="AF83" s="774"/>
      <c r="AG83" s="774"/>
      <c r="AH83" s="774"/>
      <c r="AI83" s="774"/>
      <c r="AJ83" s="774"/>
      <c r="AK83" s="774"/>
      <c r="AL83" s="774"/>
      <c r="AM83" s="774"/>
      <c r="AN83" s="774"/>
      <c r="AO83" s="774"/>
      <c r="AP83" s="774"/>
      <c r="AQ83" s="774"/>
      <c r="AR83" s="774"/>
      <c r="AS83" s="775"/>
      <c r="AT83" s="605"/>
      <c r="AU83" s="604"/>
      <c r="AV83" s="18"/>
      <c r="AW83" s="19"/>
      <c r="AX83" s="20"/>
      <c r="AY83" s="20"/>
      <c r="AZ83" s="20"/>
    </row>
    <row r="84" spans="1:52" s="21" customFormat="1" ht="13.95" customHeight="1" x14ac:dyDescent="0.2">
      <c r="A84" s="1"/>
      <c r="B84" s="604"/>
      <c r="C84" s="605"/>
      <c r="D84" s="583"/>
      <c r="E84" s="773"/>
      <c r="F84" s="774"/>
      <c r="G84" s="774"/>
      <c r="H84" s="774"/>
      <c r="I84" s="774"/>
      <c r="J84" s="774"/>
      <c r="K84" s="774"/>
      <c r="L84" s="774"/>
      <c r="M84" s="774"/>
      <c r="N84" s="774"/>
      <c r="O84" s="774"/>
      <c r="P84" s="774"/>
      <c r="Q84" s="774"/>
      <c r="R84" s="774"/>
      <c r="S84" s="774"/>
      <c r="T84" s="774"/>
      <c r="U84" s="774"/>
      <c r="V84" s="774"/>
      <c r="W84" s="774"/>
      <c r="X84" s="774"/>
      <c r="Y84" s="774"/>
      <c r="Z84" s="774"/>
      <c r="AA84" s="774"/>
      <c r="AB84" s="774"/>
      <c r="AC84" s="774"/>
      <c r="AD84" s="774"/>
      <c r="AE84" s="774"/>
      <c r="AF84" s="774"/>
      <c r="AG84" s="774"/>
      <c r="AH84" s="774"/>
      <c r="AI84" s="774"/>
      <c r="AJ84" s="774"/>
      <c r="AK84" s="774"/>
      <c r="AL84" s="774"/>
      <c r="AM84" s="774"/>
      <c r="AN84" s="774"/>
      <c r="AO84" s="774"/>
      <c r="AP84" s="774"/>
      <c r="AQ84" s="774"/>
      <c r="AR84" s="774"/>
      <c r="AS84" s="775"/>
      <c r="AT84" s="605"/>
      <c r="AU84" s="604"/>
      <c r="AV84" s="18"/>
      <c r="AW84" s="19"/>
      <c r="AX84" s="20"/>
      <c r="AY84" s="20"/>
      <c r="AZ84" s="20"/>
    </row>
    <row r="85" spans="1:52" s="21" customFormat="1" ht="13.95" customHeight="1" x14ac:dyDescent="0.2">
      <c r="A85" s="1"/>
      <c r="B85" s="604"/>
      <c r="C85" s="605"/>
      <c r="D85" s="583"/>
      <c r="E85" s="773"/>
      <c r="F85" s="774"/>
      <c r="G85" s="774"/>
      <c r="H85" s="774"/>
      <c r="I85" s="774"/>
      <c r="J85" s="774"/>
      <c r="K85" s="774"/>
      <c r="L85" s="774"/>
      <c r="M85" s="774"/>
      <c r="N85" s="774"/>
      <c r="O85" s="774"/>
      <c r="P85" s="774"/>
      <c r="Q85" s="774"/>
      <c r="R85" s="774"/>
      <c r="S85" s="774"/>
      <c r="T85" s="774"/>
      <c r="U85" s="774"/>
      <c r="V85" s="774"/>
      <c r="W85" s="774"/>
      <c r="X85" s="774"/>
      <c r="Y85" s="774"/>
      <c r="Z85" s="774"/>
      <c r="AA85" s="774"/>
      <c r="AB85" s="774"/>
      <c r="AC85" s="774"/>
      <c r="AD85" s="774"/>
      <c r="AE85" s="774"/>
      <c r="AF85" s="774"/>
      <c r="AG85" s="774"/>
      <c r="AH85" s="774"/>
      <c r="AI85" s="774"/>
      <c r="AJ85" s="774"/>
      <c r="AK85" s="774"/>
      <c r="AL85" s="774"/>
      <c r="AM85" s="774"/>
      <c r="AN85" s="774"/>
      <c r="AO85" s="774"/>
      <c r="AP85" s="774"/>
      <c r="AQ85" s="774"/>
      <c r="AR85" s="774"/>
      <c r="AS85" s="775"/>
      <c r="AT85" s="605"/>
      <c r="AU85" s="604"/>
      <c r="AV85" s="18"/>
      <c r="AW85" s="19"/>
      <c r="AX85" s="20"/>
      <c r="AY85" s="20"/>
      <c r="AZ85" s="20"/>
    </row>
    <row r="86" spans="1:52" ht="15.6" customHeight="1" x14ac:dyDescent="0.2">
      <c r="A86" s="1"/>
      <c r="B86" s="604"/>
      <c r="C86" s="605"/>
      <c r="D86" s="584"/>
      <c r="E86" s="773"/>
      <c r="F86" s="774"/>
      <c r="G86" s="774"/>
      <c r="H86" s="774"/>
      <c r="I86" s="774"/>
      <c r="J86" s="774"/>
      <c r="K86" s="774"/>
      <c r="L86" s="774"/>
      <c r="M86" s="774"/>
      <c r="N86" s="774"/>
      <c r="O86" s="774"/>
      <c r="P86" s="774"/>
      <c r="Q86" s="774"/>
      <c r="R86" s="774"/>
      <c r="S86" s="774"/>
      <c r="T86" s="774"/>
      <c r="U86" s="774"/>
      <c r="V86" s="774"/>
      <c r="W86" s="774"/>
      <c r="X86" s="774"/>
      <c r="Y86" s="774"/>
      <c r="Z86" s="774"/>
      <c r="AA86" s="774"/>
      <c r="AB86" s="774"/>
      <c r="AC86" s="774"/>
      <c r="AD86" s="774"/>
      <c r="AE86" s="774"/>
      <c r="AF86" s="774"/>
      <c r="AG86" s="774"/>
      <c r="AH86" s="774"/>
      <c r="AI86" s="774"/>
      <c r="AJ86" s="774"/>
      <c r="AK86" s="774"/>
      <c r="AL86" s="774"/>
      <c r="AM86" s="774"/>
      <c r="AN86" s="774"/>
      <c r="AO86" s="774"/>
      <c r="AP86" s="774"/>
      <c r="AQ86" s="774"/>
      <c r="AR86" s="774"/>
      <c r="AS86" s="775"/>
      <c r="AT86" s="605"/>
      <c r="AU86" s="604"/>
      <c r="AV86" s="1"/>
      <c r="AW86" s="5"/>
      <c r="AX86" s="6"/>
      <c r="AY86" s="6"/>
      <c r="AZ86" s="6"/>
    </row>
    <row r="87" spans="1:52" ht="9" customHeight="1" thickBot="1" x14ac:dyDescent="0.25">
      <c r="A87" s="1"/>
      <c r="B87" s="604"/>
      <c r="C87" s="605"/>
      <c r="D87" s="585"/>
      <c r="E87" s="776"/>
      <c r="F87" s="777"/>
      <c r="G87" s="777"/>
      <c r="H87" s="777"/>
      <c r="I87" s="777"/>
      <c r="J87" s="777"/>
      <c r="K87" s="777"/>
      <c r="L87" s="777"/>
      <c r="M87" s="777"/>
      <c r="N87" s="777"/>
      <c r="O87" s="777"/>
      <c r="P87" s="777"/>
      <c r="Q87" s="777"/>
      <c r="R87" s="777"/>
      <c r="S87" s="777"/>
      <c r="T87" s="777"/>
      <c r="U87" s="777"/>
      <c r="V87" s="777"/>
      <c r="W87" s="777"/>
      <c r="X87" s="777"/>
      <c r="Y87" s="777"/>
      <c r="Z87" s="777"/>
      <c r="AA87" s="777"/>
      <c r="AB87" s="777"/>
      <c r="AC87" s="777"/>
      <c r="AD87" s="777"/>
      <c r="AE87" s="777"/>
      <c r="AF87" s="777"/>
      <c r="AG87" s="777"/>
      <c r="AH87" s="777"/>
      <c r="AI87" s="777"/>
      <c r="AJ87" s="777"/>
      <c r="AK87" s="777"/>
      <c r="AL87" s="777"/>
      <c r="AM87" s="777"/>
      <c r="AN87" s="777"/>
      <c r="AO87" s="777"/>
      <c r="AP87" s="777"/>
      <c r="AQ87" s="777"/>
      <c r="AR87" s="777"/>
      <c r="AS87" s="778"/>
      <c r="AT87" s="605"/>
      <c r="AU87" s="604"/>
      <c r="AV87" s="1"/>
      <c r="AW87" s="5"/>
      <c r="AX87" s="6"/>
      <c r="AY87" s="6"/>
      <c r="AZ87" s="6"/>
    </row>
    <row r="88" spans="1:52" ht="9.9" customHeight="1" x14ac:dyDescent="0.2">
      <c r="A88" s="1"/>
      <c r="B88" s="604"/>
      <c r="C88" s="570" t="s">
        <v>183</v>
      </c>
      <c r="D88" s="570"/>
      <c r="E88" s="570"/>
      <c r="F88" s="570"/>
      <c r="G88" s="570"/>
      <c r="H88" s="570"/>
      <c r="I88" s="570"/>
      <c r="J88" s="570"/>
      <c r="K88" s="570"/>
      <c r="L88" s="570"/>
      <c r="M88" s="570"/>
      <c r="N88" s="570"/>
      <c r="O88" s="570"/>
      <c r="P88" s="570"/>
      <c r="Q88" s="570"/>
      <c r="R88" s="570"/>
      <c r="S88" s="570"/>
      <c r="T88" s="570"/>
      <c r="U88" s="570"/>
      <c r="V88" s="570"/>
      <c r="W88" s="570"/>
      <c r="X88" s="570"/>
      <c r="Y88" s="570"/>
      <c r="Z88" s="570"/>
      <c r="AA88" s="570"/>
      <c r="AB88" s="570"/>
      <c r="AC88" s="570"/>
      <c r="AD88" s="570"/>
      <c r="AE88" s="570"/>
      <c r="AF88" s="570"/>
      <c r="AG88" s="570"/>
      <c r="AH88" s="570"/>
      <c r="AI88" s="570"/>
      <c r="AJ88" s="570"/>
      <c r="AK88" s="570"/>
      <c r="AL88" s="570"/>
      <c r="AM88" s="570"/>
      <c r="AN88" s="570"/>
      <c r="AO88" s="570"/>
      <c r="AP88" s="570"/>
      <c r="AQ88" s="570"/>
      <c r="AR88" s="570"/>
      <c r="AS88" s="570"/>
      <c r="AT88" s="570"/>
      <c r="AU88" s="604"/>
      <c r="AV88" s="1"/>
      <c r="AW88" s="5"/>
      <c r="AX88" s="6"/>
      <c r="AY88" s="6"/>
      <c r="AZ88" s="6"/>
    </row>
    <row r="89" spans="1:52" ht="22.5" customHeight="1" x14ac:dyDescent="0.2">
      <c r="A89" s="1"/>
      <c r="B89" s="1"/>
      <c r="C89" s="570"/>
      <c r="D89" s="570"/>
      <c r="E89" s="570"/>
      <c r="F89" s="570"/>
      <c r="G89" s="570"/>
      <c r="H89" s="570"/>
      <c r="I89" s="570"/>
      <c r="J89" s="570"/>
      <c r="K89" s="570"/>
      <c r="L89" s="570"/>
      <c r="M89" s="570"/>
      <c r="N89" s="570"/>
      <c r="O89" s="570"/>
      <c r="P89" s="570"/>
      <c r="Q89" s="570"/>
      <c r="R89" s="570"/>
      <c r="S89" s="570"/>
      <c r="T89" s="570"/>
      <c r="U89" s="570"/>
      <c r="V89" s="570"/>
      <c r="W89" s="570"/>
      <c r="X89" s="570"/>
      <c r="Y89" s="570"/>
      <c r="Z89" s="570"/>
      <c r="AA89" s="570"/>
      <c r="AB89" s="570"/>
      <c r="AC89" s="570"/>
      <c r="AD89" s="570"/>
      <c r="AE89" s="570"/>
      <c r="AF89" s="570"/>
      <c r="AG89" s="570"/>
      <c r="AH89" s="570"/>
      <c r="AI89" s="570"/>
      <c r="AJ89" s="570"/>
      <c r="AK89" s="570"/>
      <c r="AL89" s="570"/>
      <c r="AM89" s="570"/>
      <c r="AN89" s="570"/>
      <c r="AO89" s="570"/>
      <c r="AP89" s="570"/>
      <c r="AQ89" s="570"/>
      <c r="AR89" s="570"/>
      <c r="AS89" s="570"/>
      <c r="AT89" s="570"/>
      <c r="AU89" s="1"/>
      <c r="AV89" s="1"/>
      <c r="AW89" s="1"/>
      <c r="AX89" s="2"/>
      <c r="AY89" s="2"/>
      <c r="AZ89" s="2"/>
    </row>
    <row r="90" spans="1:52" ht="39.6" customHeight="1" x14ac:dyDescent="0.2">
      <c r="A90" s="1"/>
      <c r="B90" s="1"/>
      <c r="C90" s="570"/>
      <c r="D90" s="570"/>
      <c r="E90" s="570"/>
      <c r="F90" s="570"/>
      <c r="G90" s="570"/>
      <c r="H90" s="570"/>
      <c r="I90" s="570"/>
      <c r="J90" s="570"/>
      <c r="K90" s="570"/>
      <c r="L90" s="570"/>
      <c r="M90" s="570"/>
      <c r="N90" s="570"/>
      <c r="O90" s="570"/>
      <c r="P90" s="570"/>
      <c r="Q90" s="570"/>
      <c r="R90" s="570"/>
      <c r="S90" s="570"/>
      <c r="T90" s="570"/>
      <c r="U90" s="570"/>
      <c r="V90" s="570"/>
      <c r="W90" s="570"/>
      <c r="X90" s="570"/>
      <c r="Y90" s="570"/>
      <c r="Z90" s="570"/>
      <c r="AA90" s="570"/>
      <c r="AB90" s="570"/>
      <c r="AC90" s="570"/>
      <c r="AD90" s="570"/>
      <c r="AE90" s="570"/>
      <c r="AF90" s="570"/>
      <c r="AG90" s="570"/>
      <c r="AH90" s="570"/>
      <c r="AI90" s="570"/>
      <c r="AJ90" s="570"/>
      <c r="AK90" s="570"/>
      <c r="AL90" s="570"/>
      <c r="AM90" s="570"/>
      <c r="AN90" s="570"/>
      <c r="AO90" s="570"/>
      <c r="AP90" s="570"/>
      <c r="AQ90" s="570"/>
      <c r="AR90" s="570"/>
      <c r="AS90" s="570"/>
      <c r="AT90" s="570"/>
      <c r="AU90" s="1"/>
      <c r="AV90" s="1"/>
      <c r="AW90" s="1"/>
      <c r="AX90" s="2"/>
      <c r="AY90" s="2"/>
      <c r="AZ90" s="2"/>
    </row>
    <row r="91" spans="1:52" ht="13.5" customHeight="1" x14ac:dyDescent="0.2">
      <c r="A91" s="1"/>
      <c r="B91" s="1"/>
      <c r="C91" s="1"/>
      <c r="D91" s="1"/>
      <c r="E91" s="1"/>
      <c r="F91" s="1"/>
      <c r="G91" s="1"/>
      <c r="H91" s="1"/>
      <c r="I91" s="1"/>
      <c r="J91" s="1"/>
      <c r="K91" s="1"/>
      <c r="L91" s="1"/>
      <c r="M91" s="1"/>
      <c r="N91" s="1"/>
      <c r="O91" s="1"/>
      <c r="P91" s="1"/>
      <c r="Q91" s="1"/>
      <c r="R91" s="1"/>
      <c r="S91" s="1"/>
      <c r="T91" s="1"/>
      <c r="U91" s="1"/>
      <c r="V91" s="1"/>
      <c r="W91" s="1"/>
      <c r="X91" s="1"/>
      <c r="Y91" s="1"/>
      <c r="Z91" s="1"/>
      <c r="AA91" s="1"/>
      <c r="AB91" s="1"/>
      <c r="AC91" s="1"/>
      <c r="AD91" s="1"/>
      <c r="AE91" s="1"/>
      <c r="AF91" s="1"/>
      <c r="AG91" s="1"/>
      <c r="AH91" s="1"/>
      <c r="AI91" s="1"/>
      <c r="AJ91" s="1"/>
      <c r="AK91" s="1"/>
      <c r="AL91" s="1"/>
      <c r="AM91" s="1"/>
      <c r="AN91" s="1"/>
      <c r="AO91" s="1"/>
      <c r="AP91" s="1"/>
      <c r="AQ91" s="1"/>
      <c r="AR91" s="1"/>
      <c r="AS91" s="1"/>
      <c r="AT91" s="1"/>
      <c r="AU91" s="1"/>
      <c r="AV91" s="1"/>
      <c r="AW91" s="1"/>
      <c r="AX91" s="2"/>
      <c r="AY91" s="2"/>
      <c r="AZ91" s="2"/>
    </row>
    <row r="92" spans="1:52" ht="13.5" customHeight="1" x14ac:dyDescent="0.2">
      <c r="A92" s="1"/>
      <c r="B92" s="1"/>
      <c r="C92" s="1"/>
      <c r="D92" s="1"/>
      <c r="E92" s="1"/>
      <c r="F92" s="1"/>
      <c r="G92" s="1"/>
      <c r="H92" s="1"/>
      <c r="I92" s="1"/>
      <c r="J92" s="1"/>
      <c r="K92" s="1"/>
      <c r="L92" s="1"/>
      <c r="M92" s="1"/>
      <c r="N92" s="1"/>
      <c r="O92" s="1"/>
      <c r="P92" s="1"/>
      <c r="Q92" s="1"/>
      <c r="R92" s="1"/>
      <c r="S92" s="1"/>
      <c r="T92" s="1"/>
      <c r="U92" s="1"/>
      <c r="V92" s="1"/>
      <c r="W92" s="1"/>
      <c r="X92" s="1"/>
      <c r="Y92" s="1"/>
      <c r="Z92" s="1"/>
      <c r="AA92" s="1"/>
      <c r="AB92" s="1"/>
      <c r="AC92" s="1"/>
      <c r="AD92" s="1"/>
      <c r="AE92" s="1"/>
      <c r="AF92" s="1"/>
      <c r="AG92" s="1"/>
      <c r="AH92" s="1"/>
      <c r="AI92" s="1"/>
      <c r="AJ92" s="1"/>
      <c r="AK92" s="1"/>
      <c r="AL92" s="1"/>
      <c r="AM92" s="1"/>
      <c r="AN92" s="1"/>
      <c r="AO92" s="1"/>
      <c r="AP92" s="1"/>
      <c r="AQ92" s="1"/>
      <c r="AR92" s="1"/>
      <c r="AS92" s="1"/>
      <c r="AT92" s="1"/>
      <c r="AU92" s="1"/>
      <c r="AV92" s="1"/>
      <c r="AW92" s="1"/>
      <c r="AX92" s="2"/>
      <c r="AY92" s="2"/>
      <c r="AZ92" s="2"/>
    </row>
    <row r="93" spans="1:52" ht="13.5" customHeight="1" x14ac:dyDescent="0.2">
      <c r="B93" s="1"/>
      <c r="C93" s="1"/>
      <c r="D93" s="1"/>
      <c r="E93" s="1"/>
      <c r="F93" s="1"/>
      <c r="G93" s="1"/>
      <c r="H93" s="1"/>
      <c r="I93" s="1"/>
      <c r="J93" s="1"/>
      <c r="K93" s="1"/>
      <c r="L93" s="1"/>
      <c r="M93" s="1"/>
      <c r="N93" s="1"/>
      <c r="O93" s="1"/>
      <c r="P93" s="1"/>
      <c r="Q93" s="1"/>
      <c r="R93" s="1"/>
      <c r="S93" s="1"/>
      <c r="T93" s="1"/>
      <c r="U93" s="1"/>
      <c r="V93" s="1"/>
      <c r="W93" s="1"/>
      <c r="X93" s="1"/>
      <c r="Y93" s="1"/>
      <c r="Z93" s="1"/>
      <c r="AA93" s="1"/>
      <c r="AB93" s="1"/>
      <c r="AC93" s="1"/>
      <c r="AD93" s="1"/>
      <c r="AE93" s="1"/>
      <c r="AF93" s="1"/>
      <c r="AG93" s="1"/>
      <c r="AH93" s="1"/>
      <c r="AI93" s="1"/>
      <c r="AJ93" s="1"/>
      <c r="AK93" s="1"/>
      <c r="AL93" s="1"/>
      <c r="AM93" s="1"/>
      <c r="AN93" s="1"/>
      <c r="AO93" s="1"/>
      <c r="AP93" s="1"/>
      <c r="AQ93" s="1"/>
      <c r="AR93" s="1"/>
      <c r="AS93" s="1"/>
      <c r="AT93" s="1"/>
      <c r="AU93" s="1"/>
    </row>
    <row r="94" spans="1:52" ht="13.5" customHeight="1" x14ac:dyDescent="0.2">
      <c r="B94" s="1"/>
      <c r="C94" s="1"/>
      <c r="D94" s="1"/>
      <c r="E94" s="1"/>
      <c r="F94" s="1"/>
      <c r="G94" s="1"/>
      <c r="H94" s="1"/>
      <c r="I94" s="1"/>
      <c r="J94" s="1"/>
      <c r="K94" s="1"/>
      <c r="L94" s="1"/>
      <c r="M94" s="1"/>
      <c r="N94" s="1"/>
      <c r="O94" s="1"/>
      <c r="P94" s="1"/>
      <c r="Q94" s="1"/>
      <c r="R94" s="1"/>
      <c r="S94" s="1"/>
      <c r="T94" s="1"/>
      <c r="U94" s="1"/>
      <c r="V94" s="1"/>
      <c r="W94" s="1"/>
      <c r="X94" s="1"/>
      <c r="Y94" s="1"/>
      <c r="Z94" s="1"/>
      <c r="AA94" s="1"/>
      <c r="AB94" s="1"/>
      <c r="AC94" s="1"/>
      <c r="AD94" s="1"/>
      <c r="AE94" s="1"/>
      <c r="AF94" s="1"/>
      <c r="AG94" s="1"/>
      <c r="AH94" s="1"/>
      <c r="AI94" s="1"/>
      <c r="AJ94" s="1"/>
      <c r="AK94" s="1"/>
      <c r="AL94" s="1"/>
      <c r="AM94" s="1"/>
      <c r="AN94" s="1"/>
      <c r="AO94" s="1"/>
      <c r="AP94" s="1"/>
      <c r="AQ94" s="1"/>
      <c r="AR94" s="1"/>
      <c r="AS94" s="1"/>
      <c r="AT94" s="1"/>
      <c r="AU94" s="1"/>
    </row>
    <row r="95" spans="1:52" ht="13.5" customHeight="1" x14ac:dyDescent="0.2">
      <c r="B95" s="1"/>
      <c r="C95" s="1"/>
      <c r="D95" s="1"/>
      <c r="E95" s="1"/>
      <c r="F95" s="1"/>
      <c r="G95" s="1"/>
      <c r="H95" s="1"/>
      <c r="I95" s="1"/>
      <c r="J95" s="1"/>
      <c r="K95" s="1"/>
      <c r="L95" s="1"/>
      <c r="M95" s="1"/>
      <c r="N95" s="1"/>
      <c r="O95" s="1"/>
      <c r="P95" s="1"/>
      <c r="Q95" s="1"/>
      <c r="R95" s="1"/>
      <c r="S95" s="1"/>
      <c r="T95" s="1"/>
      <c r="U95" s="1"/>
      <c r="V95" s="1"/>
      <c r="W95" s="1"/>
      <c r="X95" s="1"/>
      <c r="Y95" s="1"/>
      <c r="Z95" s="1"/>
      <c r="AA95" s="1"/>
      <c r="AB95" s="1"/>
      <c r="AC95" s="1"/>
      <c r="AD95" s="1"/>
      <c r="AE95" s="1"/>
      <c r="AF95" s="1"/>
      <c r="AG95" s="1"/>
      <c r="AH95" s="1"/>
      <c r="AI95" s="1"/>
      <c r="AJ95" s="1"/>
      <c r="AK95" s="1"/>
      <c r="AL95" s="1"/>
      <c r="AM95" s="1"/>
      <c r="AN95" s="1"/>
      <c r="AO95" s="1"/>
      <c r="AP95" s="1"/>
      <c r="AQ95" s="1"/>
      <c r="AR95" s="1"/>
      <c r="AS95" s="1"/>
      <c r="AT95" s="1"/>
      <c r="AU95" s="1"/>
    </row>
    <row r="96" spans="1:52" ht="13.5" customHeight="1" x14ac:dyDescent="0.2">
      <c r="B96" s="1"/>
      <c r="C96" s="1"/>
      <c r="D96" s="1"/>
      <c r="E96" s="1"/>
      <c r="F96" s="1"/>
      <c r="G96" s="1"/>
      <c r="H96" s="1"/>
      <c r="I96" s="1"/>
      <c r="J96" s="1"/>
      <c r="K96" s="1"/>
      <c r="L96" s="1"/>
      <c r="M96" s="1"/>
      <c r="N96" s="1"/>
      <c r="O96" s="1"/>
      <c r="P96" s="1"/>
      <c r="Q96" s="1"/>
      <c r="R96" s="1"/>
      <c r="S96" s="1"/>
      <c r="T96" s="1"/>
      <c r="U96" s="1"/>
      <c r="V96" s="1"/>
      <c r="W96" s="1"/>
      <c r="X96" s="1"/>
      <c r="Y96" s="1"/>
      <c r="Z96" s="1"/>
      <c r="AA96" s="1"/>
      <c r="AB96" s="1"/>
      <c r="AC96" s="1"/>
      <c r="AD96" s="1"/>
      <c r="AE96" s="1"/>
      <c r="AF96" s="1"/>
      <c r="AG96" s="1"/>
      <c r="AH96" s="1"/>
      <c r="AI96" s="1"/>
      <c r="AJ96" s="1"/>
      <c r="AK96" s="1"/>
      <c r="AL96" s="1"/>
      <c r="AM96" s="1"/>
      <c r="AN96" s="1"/>
      <c r="AO96" s="1"/>
      <c r="AP96" s="1"/>
      <c r="AQ96" s="1"/>
      <c r="AR96" s="1"/>
      <c r="AS96" s="1"/>
      <c r="AT96" s="1"/>
      <c r="AU96" s="1"/>
    </row>
    <row r="97" spans="2:47" ht="13.5" customHeight="1" x14ac:dyDescent="0.2">
      <c r="B97" s="1"/>
      <c r="C97" s="1"/>
      <c r="D97" s="1"/>
      <c r="E97" s="1"/>
      <c r="F97" s="1"/>
      <c r="G97" s="1"/>
      <c r="H97" s="1"/>
      <c r="I97" s="1"/>
      <c r="J97" s="1"/>
      <c r="K97" s="1"/>
      <c r="L97" s="1"/>
      <c r="M97" s="1"/>
      <c r="N97" s="1"/>
      <c r="O97" s="1"/>
      <c r="P97" s="1"/>
      <c r="Q97" s="1"/>
      <c r="R97" s="1"/>
      <c r="S97" s="1"/>
      <c r="T97" s="1"/>
      <c r="U97" s="1"/>
      <c r="V97" s="1"/>
      <c r="W97" s="1"/>
      <c r="X97" s="1"/>
      <c r="Y97" s="1"/>
      <c r="Z97" s="1"/>
      <c r="AA97" s="1"/>
      <c r="AB97" s="1"/>
      <c r="AC97" s="1"/>
      <c r="AD97" s="1"/>
      <c r="AE97" s="1"/>
      <c r="AF97" s="1"/>
      <c r="AG97" s="1"/>
      <c r="AH97" s="1"/>
      <c r="AI97" s="1"/>
      <c r="AJ97" s="1"/>
      <c r="AK97" s="1"/>
      <c r="AL97" s="1"/>
      <c r="AM97" s="1"/>
      <c r="AN97" s="1"/>
      <c r="AO97" s="1"/>
      <c r="AP97" s="1"/>
      <c r="AQ97" s="1"/>
      <c r="AR97" s="1"/>
      <c r="AS97" s="1"/>
      <c r="AT97" s="1"/>
      <c r="AU97" s="1"/>
    </row>
    <row r="98" spans="2:47" ht="13.5" customHeight="1" x14ac:dyDescent="0.2">
      <c r="B98" s="1"/>
      <c r="C98" s="1"/>
      <c r="D98" s="1"/>
      <c r="E98" s="1"/>
      <c r="F98" s="1"/>
      <c r="G98" s="1"/>
      <c r="H98" s="1"/>
      <c r="I98" s="1"/>
      <c r="J98" s="1"/>
      <c r="K98" s="1"/>
      <c r="L98" s="1"/>
      <c r="M98" s="1"/>
      <c r="N98" s="1"/>
      <c r="O98" s="1"/>
      <c r="P98" s="1"/>
      <c r="Q98" s="1"/>
      <c r="R98" s="1"/>
      <c r="S98" s="1"/>
      <c r="T98" s="1"/>
      <c r="U98" s="1"/>
      <c r="V98" s="1"/>
      <c r="W98" s="1"/>
      <c r="X98" s="1"/>
      <c r="Y98" s="1"/>
      <c r="Z98" s="1"/>
      <c r="AA98" s="1"/>
      <c r="AB98" s="1"/>
      <c r="AC98" s="1"/>
      <c r="AD98" s="1"/>
      <c r="AE98" s="1"/>
      <c r="AF98" s="1"/>
      <c r="AG98" s="1"/>
      <c r="AH98" s="1"/>
      <c r="AI98" s="1"/>
      <c r="AJ98" s="1"/>
      <c r="AK98" s="1"/>
      <c r="AL98" s="1"/>
      <c r="AM98" s="1"/>
      <c r="AN98" s="1"/>
      <c r="AO98" s="1"/>
      <c r="AP98" s="1"/>
      <c r="AQ98" s="1"/>
      <c r="AR98" s="1"/>
      <c r="AS98" s="1"/>
      <c r="AT98" s="1"/>
      <c r="AU98" s="1"/>
    </row>
    <row r="99" spans="2:47" s="1" customFormat="1" ht="13.5" customHeight="1" x14ac:dyDescent="0.2"/>
    <row r="100" spans="2:47" s="1" customFormat="1" ht="13.2" x14ac:dyDescent="0.2"/>
    <row r="101" spans="2:47" s="1" customFormat="1" ht="13.2" x14ac:dyDescent="0.2"/>
    <row r="102" spans="2:47" s="1" customFormat="1" ht="13.5" hidden="1" customHeight="1" x14ac:dyDescent="0.2"/>
    <row r="103" spans="2:47" s="1" customFormat="1" ht="13.5" hidden="1" customHeight="1" x14ac:dyDescent="0.2"/>
    <row r="104" spans="2:47" s="1" customFormat="1" ht="13.5" hidden="1" customHeight="1" x14ac:dyDescent="0.2"/>
    <row r="105" spans="2:47" s="1" customFormat="1" ht="13.5" hidden="1" customHeight="1" x14ac:dyDescent="0.2">
      <c r="Y105" s="568"/>
      <c r="Z105" s="568"/>
      <c r="AA105" s="569"/>
      <c r="AE105" s="87"/>
      <c r="AG105" s="571" t="s">
        <v>39</v>
      </c>
      <c r="AH105" s="568"/>
      <c r="AI105" s="569"/>
      <c r="AM105" s="571" t="s">
        <v>39</v>
      </c>
      <c r="AN105" s="568"/>
      <c r="AO105" s="569"/>
    </row>
    <row r="106" spans="2:47" s="1" customFormat="1" ht="13.5" hidden="1" customHeight="1" x14ac:dyDescent="0.2">
      <c r="Y106" s="22"/>
      <c r="Z106" s="22"/>
      <c r="AA106" s="23"/>
      <c r="AE106" s="24"/>
      <c r="AG106" s="25" t="s">
        <v>40</v>
      </c>
      <c r="AH106" s="26"/>
      <c r="AI106" s="27"/>
      <c r="AM106" s="25" t="s">
        <v>40</v>
      </c>
      <c r="AN106" s="26"/>
      <c r="AO106" s="27"/>
    </row>
    <row r="107" spans="2:47" s="1" customFormat="1" ht="13.5" hidden="1" customHeight="1" x14ac:dyDescent="0.2">
      <c r="Y107" s="22"/>
      <c r="Z107" s="22"/>
      <c r="AA107" s="23"/>
      <c r="AE107" s="27"/>
      <c r="AG107" s="25" t="s">
        <v>41</v>
      </c>
      <c r="AH107" s="26"/>
      <c r="AI107" s="27"/>
      <c r="AM107" s="25" t="s">
        <v>41</v>
      </c>
      <c r="AN107" s="26"/>
      <c r="AO107" s="27"/>
    </row>
    <row r="108" spans="2:47" s="1" customFormat="1" ht="13.5" hidden="1" customHeight="1" x14ac:dyDescent="0.2">
      <c r="Y108" s="22"/>
      <c r="Z108" s="22"/>
      <c r="AA108" s="23"/>
      <c r="AE108" s="27"/>
      <c r="AG108" s="28" t="s">
        <v>42</v>
      </c>
      <c r="AH108" s="29"/>
      <c r="AI108" s="30"/>
      <c r="AM108" s="28" t="s">
        <v>42</v>
      </c>
      <c r="AN108" s="29"/>
      <c r="AO108" s="30"/>
    </row>
    <row r="109" spans="2:47" s="1" customFormat="1" ht="13.5" hidden="1" customHeight="1" x14ac:dyDescent="0.2">
      <c r="Y109" s="22"/>
      <c r="Z109" s="22"/>
      <c r="AA109" s="23"/>
      <c r="AE109" s="27"/>
      <c r="AG109" s="22"/>
      <c r="AH109" s="26"/>
      <c r="AI109" s="26"/>
      <c r="AM109" s="22"/>
      <c r="AN109" s="26"/>
      <c r="AO109" s="26"/>
    </row>
    <row r="110" spans="2:47" s="1" customFormat="1" ht="13.5" hidden="1" customHeight="1" x14ac:dyDescent="0.2">
      <c r="Y110" s="22"/>
      <c r="Z110" s="22"/>
      <c r="AA110" s="23"/>
      <c r="AE110" s="27"/>
      <c r="AG110" s="22"/>
      <c r="AH110" s="26"/>
      <c r="AI110" s="26"/>
      <c r="AM110" s="22"/>
      <c r="AN110" s="26"/>
      <c r="AO110" s="26"/>
    </row>
    <row r="111" spans="2:47" s="1" customFormat="1" ht="13.5" hidden="1" customHeight="1" x14ac:dyDescent="0.2">
      <c r="Y111" s="22"/>
      <c r="Z111" s="22"/>
      <c r="AA111" s="23"/>
      <c r="AE111" s="31"/>
    </row>
    <row r="112" spans="2:47" s="1" customFormat="1" ht="13.5" hidden="1" customHeight="1" x14ac:dyDescent="0.2">
      <c r="Y112" s="22"/>
      <c r="Z112" s="22"/>
      <c r="AA112" s="23"/>
      <c r="AG112" s="571" t="s">
        <v>43</v>
      </c>
      <c r="AH112" s="568"/>
      <c r="AI112" s="569"/>
      <c r="AM112" s="571" t="s">
        <v>43</v>
      </c>
      <c r="AN112" s="568"/>
      <c r="AO112" s="569"/>
    </row>
    <row r="113" spans="25:41" s="1" customFormat="1" ht="13.5" hidden="1" customHeight="1" x14ac:dyDescent="0.2">
      <c r="Y113" s="29"/>
      <c r="Z113" s="29"/>
      <c r="AA113" s="30"/>
      <c r="AG113" s="25" t="s">
        <v>40</v>
      </c>
      <c r="AH113" s="26"/>
      <c r="AI113" s="27"/>
      <c r="AM113" s="25" t="s">
        <v>40</v>
      </c>
      <c r="AN113" s="26"/>
      <c r="AO113" s="27"/>
    </row>
    <row r="114" spans="25:41" s="1" customFormat="1" ht="13.5" hidden="1" customHeight="1" x14ac:dyDescent="0.2">
      <c r="Y114" s="22"/>
      <c r="Z114" s="22"/>
      <c r="AE114" s="568"/>
      <c r="AF114" s="569"/>
      <c r="AG114" s="25" t="s">
        <v>41</v>
      </c>
      <c r="AH114" s="26"/>
      <c r="AI114" s="27"/>
      <c r="AM114" s="25" t="s">
        <v>41</v>
      </c>
      <c r="AN114" s="26"/>
      <c r="AO114" s="27"/>
    </row>
    <row r="115" spans="25:41" s="1" customFormat="1" ht="13.5" hidden="1" customHeight="1" x14ac:dyDescent="0.2">
      <c r="AE115" s="26"/>
      <c r="AF115" s="23"/>
      <c r="AG115" s="28" t="s">
        <v>42</v>
      </c>
      <c r="AH115" s="29"/>
      <c r="AI115" s="30"/>
      <c r="AM115" s="28" t="s">
        <v>42</v>
      </c>
      <c r="AN115" s="29"/>
      <c r="AO115" s="30"/>
    </row>
    <row r="116" spans="25:41" s="1" customFormat="1" ht="13.5" hidden="1" customHeight="1" x14ac:dyDescent="0.2">
      <c r="Y116" s="32"/>
      <c r="Z116" s="32"/>
      <c r="AE116" s="26"/>
      <c r="AF116" s="23"/>
      <c r="AG116" s="22"/>
      <c r="AH116" s="26"/>
      <c r="AI116" s="26"/>
      <c r="AM116" s="22"/>
      <c r="AN116" s="26"/>
      <c r="AO116" s="26"/>
    </row>
    <row r="117" spans="25:41" s="1" customFormat="1" ht="13.5" hidden="1" customHeight="1" x14ac:dyDescent="0.2">
      <c r="Y117" s="22"/>
      <c r="Z117" s="22"/>
      <c r="AE117" s="26"/>
      <c r="AF117" s="23"/>
      <c r="AG117" s="22"/>
      <c r="AH117" s="26"/>
      <c r="AI117" s="26"/>
      <c r="AM117" s="22"/>
      <c r="AN117" s="26"/>
      <c r="AO117" s="26"/>
    </row>
    <row r="118" spans="25:41" s="1" customFormat="1" ht="13.5" hidden="1" customHeight="1" x14ac:dyDescent="0.2">
      <c r="Y118" s="22"/>
      <c r="Z118" s="22"/>
      <c r="AE118" s="26"/>
      <c r="AF118" s="23"/>
    </row>
    <row r="119" spans="25:41" s="1" customFormat="1" ht="13.5" hidden="1" customHeight="1" x14ac:dyDescent="0.2">
      <c r="Y119" s="22"/>
      <c r="Z119" s="22"/>
      <c r="AE119" s="26"/>
      <c r="AF119" s="23"/>
    </row>
    <row r="120" spans="25:41" s="1" customFormat="1" ht="13.5" hidden="1" customHeight="1" x14ac:dyDescent="0.2">
      <c r="Y120" s="22"/>
      <c r="Z120" s="22"/>
      <c r="AE120" s="26"/>
      <c r="AF120" s="23"/>
    </row>
    <row r="121" spans="25:41" s="1" customFormat="1" ht="13.5" hidden="1" customHeight="1" x14ac:dyDescent="0.2">
      <c r="Y121" s="22"/>
      <c r="Z121" s="22"/>
      <c r="AE121" s="26"/>
      <c r="AF121" s="23"/>
    </row>
    <row r="122" spans="25:41" s="1" customFormat="1" ht="13.5" hidden="1" customHeight="1" x14ac:dyDescent="0.2">
      <c r="Y122" s="22"/>
      <c r="Z122" s="22"/>
      <c r="AE122" s="26"/>
      <c r="AF122" s="23"/>
    </row>
    <row r="123" spans="25:41" s="1" customFormat="1" ht="13.5" hidden="1" customHeight="1" x14ac:dyDescent="0.2">
      <c r="Y123" s="22"/>
      <c r="Z123" s="22"/>
      <c r="AE123" s="26"/>
      <c r="AF123" s="23"/>
    </row>
    <row r="124" spans="25:41" s="1" customFormat="1" ht="13.5" hidden="1" customHeight="1" x14ac:dyDescent="0.2">
      <c r="Y124" s="22"/>
      <c r="Z124" s="22"/>
      <c r="AE124" s="33"/>
      <c r="AF124" s="30"/>
    </row>
    <row r="125" spans="25:41" s="1" customFormat="1" ht="13.5" hidden="1" customHeight="1" x14ac:dyDescent="0.2">
      <c r="Y125" s="22"/>
      <c r="Z125" s="22"/>
    </row>
    <row r="126" spans="25:41" s="1" customFormat="1" ht="13.5" hidden="1" customHeight="1" x14ac:dyDescent="0.2">
      <c r="Y126" s="22"/>
      <c r="Z126" s="22"/>
    </row>
    <row r="127" spans="25:41" s="1" customFormat="1" ht="13.5" hidden="1" customHeight="1" x14ac:dyDescent="0.2">
      <c r="Y127" s="22"/>
      <c r="Z127" s="22"/>
    </row>
    <row r="128" spans="25:41" s="1" customFormat="1" ht="13.5" hidden="1" customHeight="1" x14ac:dyDescent="0.2"/>
    <row r="129" spans="25:46" s="1" customFormat="1" ht="13.5" hidden="1" customHeight="1" x14ac:dyDescent="0.2"/>
    <row r="130" spans="25:46" s="1" customFormat="1" ht="13.5" hidden="1" customHeight="1" x14ac:dyDescent="0.2">
      <c r="Y130" s="568"/>
      <c r="Z130" s="568"/>
      <c r="AA130" s="568"/>
      <c r="AB130" s="568"/>
      <c r="AC130" s="568"/>
      <c r="AD130" s="32"/>
    </row>
    <row r="131" spans="25:46" s="1" customFormat="1" ht="13.2" hidden="1" x14ac:dyDescent="0.2">
      <c r="Y131" s="26"/>
      <c r="Z131" s="26"/>
      <c r="AA131" s="26"/>
      <c r="AB131" s="26"/>
      <c r="AC131" s="26"/>
      <c r="AD131" s="26"/>
    </row>
    <row r="132" spans="25:46" s="1" customFormat="1" ht="13.2" hidden="1" x14ac:dyDescent="0.2">
      <c r="Y132" s="33"/>
      <c r="Z132" s="33"/>
      <c r="AA132" s="33"/>
      <c r="AB132" s="33"/>
      <c r="AC132" s="33"/>
      <c r="AD132" s="26"/>
    </row>
    <row r="133" spans="25:46" s="1" customFormat="1" ht="13.2" hidden="1" x14ac:dyDescent="0.2"/>
    <row r="134" spans="25:46" s="1" customFormat="1" ht="13.2" hidden="1" x14ac:dyDescent="0.2"/>
    <row r="135" spans="25:46" s="1" customFormat="1" ht="13.2" hidden="1" x14ac:dyDescent="0.2">
      <c r="Y135" s="568"/>
      <c r="Z135" s="568"/>
      <c r="AA135" s="569"/>
      <c r="AE135" s="34"/>
      <c r="AF135" s="34"/>
      <c r="AG135" s="34"/>
      <c r="AH135" s="34"/>
      <c r="AI135" s="34"/>
      <c r="AJ135" s="34"/>
      <c r="AK135" s="34"/>
      <c r="AL135" s="34"/>
      <c r="AM135" s="34"/>
      <c r="AN135" s="34"/>
      <c r="AO135" s="34"/>
      <c r="AP135" s="34"/>
      <c r="AQ135" s="34"/>
      <c r="AR135" s="34"/>
      <c r="AS135" s="34"/>
      <c r="AT135" s="34"/>
    </row>
    <row r="136" spans="25:46" s="1" customFormat="1" ht="13.2" hidden="1" x14ac:dyDescent="0.2">
      <c r="Y136" s="22"/>
      <c r="Z136" s="22"/>
      <c r="AA136" s="23"/>
      <c r="AE136" s="34"/>
      <c r="AF136" s="34"/>
      <c r="AG136" s="34"/>
      <c r="AH136" s="34"/>
      <c r="AI136" s="34"/>
      <c r="AJ136" s="34"/>
      <c r="AK136" s="34"/>
      <c r="AL136" s="34"/>
      <c r="AM136" s="34"/>
      <c r="AN136" s="34"/>
      <c r="AO136" s="34"/>
      <c r="AP136" s="34"/>
      <c r="AQ136" s="34"/>
      <c r="AR136" s="34"/>
      <c r="AS136" s="34"/>
      <c r="AT136" s="34"/>
    </row>
    <row r="137" spans="25:46" s="1" customFormat="1" ht="13.2" hidden="1" x14ac:dyDescent="0.2">
      <c r="Y137" s="29"/>
      <c r="Z137" s="29"/>
      <c r="AA137" s="30"/>
      <c r="AE137" s="34"/>
      <c r="AF137" s="34"/>
      <c r="AG137" s="34"/>
      <c r="AH137" s="34"/>
      <c r="AI137" s="34"/>
      <c r="AJ137" s="34"/>
      <c r="AK137" s="34"/>
      <c r="AL137" s="34"/>
      <c r="AM137" s="34"/>
      <c r="AN137" s="34"/>
      <c r="AO137" s="34"/>
      <c r="AP137" s="34"/>
      <c r="AQ137" s="34"/>
      <c r="AR137" s="34"/>
      <c r="AS137" s="34"/>
      <c r="AT137" s="34"/>
    </row>
    <row r="138" spans="25:46" s="1" customFormat="1" ht="13.2" hidden="1" x14ac:dyDescent="0.2"/>
    <row r="139" spans="25:46" s="1" customFormat="1" ht="13.2" hidden="1" x14ac:dyDescent="0.2"/>
    <row r="140" spans="25:46" s="1" customFormat="1" ht="13.2" hidden="1" x14ac:dyDescent="0.2">
      <c r="Y140" s="568"/>
      <c r="Z140" s="568"/>
      <c r="AA140" s="569"/>
    </row>
    <row r="141" spans="25:46" s="1" customFormat="1" ht="13.2" hidden="1" x14ac:dyDescent="0.2">
      <c r="Y141" s="22"/>
      <c r="Z141" s="22"/>
      <c r="AA141" s="23"/>
    </row>
    <row r="142" spans="25:46" s="1" customFormat="1" ht="13.2" hidden="1" x14ac:dyDescent="0.2">
      <c r="Y142" s="29"/>
      <c r="Z142" s="29"/>
      <c r="AA142" s="30"/>
    </row>
    <row r="143" spans="25:46" s="1" customFormat="1" ht="13.2" hidden="1" x14ac:dyDescent="0.2"/>
    <row r="144" spans="25:46" s="1" customFormat="1" ht="13.2" hidden="1" x14ac:dyDescent="0.2"/>
    <row r="145" spans="25:27" s="1" customFormat="1" ht="13.2" hidden="1" x14ac:dyDescent="0.2"/>
    <row r="146" spans="25:27" s="1" customFormat="1" ht="13.2" hidden="1" x14ac:dyDescent="0.2">
      <c r="Y146" s="35"/>
      <c r="Z146" s="35"/>
    </row>
    <row r="147" spans="25:27" s="1" customFormat="1" ht="13.2" hidden="1" x14ac:dyDescent="0.2">
      <c r="Y147" s="35"/>
      <c r="Z147" s="35"/>
    </row>
    <row r="148" spans="25:27" s="1" customFormat="1" ht="13.2" hidden="1" x14ac:dyDescent="0.2">
      <c r="Y148" s="35"/>
      <c r="Z148" s="35"/>
    </row>
    <row r="149" spans="25:27" s="1" customFormat="1" ht="13.2" hidden="1" x14ac:dyDescent="0.2">
      <c r="Y149" s="35"/>
      <c r="Z149" s="35"/>
    </row>
    <row r="150" spans="25:27" s="1" customFormat="1" ht="13.2" hidden="1" x14ac:dyDescent="0.2"/>
    <row r="151" spans="25:27" s="1" customFormat="1" ht="13.2" hidden="1" x14ac:dyDescent="0.2">
      <c r="Y151" s="35"/>
      <c r="Z151" s="35"/>
    </row>
    <row r="152" spans="25:27" s="1" customFormat="1" ht="13.2" hidden="1" x14ac:dyDescent="0.2">
      <c r="Y152" s="35"/>
      <c r="Z152" s="35"/>
    </row>
    <row r="153" spans="25:27" s="1" customFormat="1" ht="13.2" hidden="1" x14ac:dyDescent="0.2"/>
    <row r="154" spans="25:27" s="1" customFormat="1" ht="13.2" hidden="1" x14ac:dyDescent="0.2"/>
    <row r="155" spans="25:27" s="1" customFormat="1" x14ac:dyDescent="0.2">
      <c r="Y155" s="76"/>
    </row>
    <row r="156" spans="25:27" x14ac:dyDescent="0.2">
      <c r="Y156" s="2"/>
      <c r="Z156" s="2"/>
      <c r="AA156" s="2"/>
    </row>
  </sheetData>
  <mergeCells count="122">
    <mergeCell ref="D34:D35"/>
    <mergeCell ref="E34:AO34"/>
    <mergeCell ref="AP34:AS34"/>
    <mergeCell ref="E35:AO35"/>
    <mergeCell ref="AP35:AS35"/>
    <mergeCell ref="F41:AE42"/>
    <mergeCell ref="AF41:AS42"/>
    <mergeCell ref="D44:D46"/>
    <mergeCell ref="I44:AE44"/>
    <mergeCell ref="AH2:AQ2"/>
    <mergeCell ref="C7:AT7"/>
    <mergeCell ref="D10:D16"/>
    <mergeCell ref="AG16:AS16"/>
    <mergeCell ref="D17:D33"/>
    <mergeCell ref="AF24:AS24"/>
    <mergeCell ref="M25:Z25"/>
    <mergeCell ref="AF26:AS26"/>
    <mergeCell ref="E31:M33"/>
    <mergeCell ref="O31:AO31"/>
    <mergeCell ref="AP31:AS33"/>
    <mergeCell ref="N32:O32"/>
    <mergeCell ref="N33:O33"/>
    <mergeCell ref="AH4:AS6"/>
    <mergeCell ref="F46:AE46"/>
    <mergeCell ref="AG46:AR46"/>
    <mergeCell ref="D36:D42"/>
    <mergeCell ref="E36:AE36"/>
    <mergeCell ref="AF36:AS36"/>
    <mergeCell ref="E37:E38"/>
    <mergeCell ref="F37:AE38"/>
    <mergeCell ref="AF37:AS38"/>
    <mergeCell ref="E39:E40"/>
    <mergeCell ref="F39:AE40"/>
    <mergeCell ref="AF39:AS40"/>
    <mergeCell ref="E41:E42"/>
    <mergeCell ref="D48:U49"/>
    <mergeCell ref="D50:D53"/>
    <mergeCell ref="E50:AP50"/>
    <mergeCell ref="AQ50:AS50"/>
    <mergeCell ref="E51:F51"/>
    <mergeCell ref="G51:AP51"/>
    <mergeCell ref="AQ51:AS51"/>
    <mergeCell ref="E52:F52"/>
    <mergeCell ref="G52:AP52"/>
    <mergeCell ref="AQ52:AS52"/>
    <mergeCell ref="E53:F53"/>
    <mergeCell ref="G53:AP53"/>
    <mergeCell ref="AQ53:AS53"/>
    <mergeCell ref="D54:D63"/>
    <mergeCell ref="AB63:AS63"/>
    <mergeCell ref="E54:L57"/>
    <mergeCell ref="I58:Z58"/>
    <mergeCell ref="AA58:AE58"/>
    <mergeCell ref="AF58:AS58"/>
    <mergeCell ref="AA59:AE60"/>
    <mergeCell ref="AF59:AS59"/>
    <mergeCell ref="F60:Z60"/>
    <mergeCell ref="AF60:AS60"/>
    <mergeCell ref="B64:B88"/>
    <mergeCell ref="C64:C87"/>
    <mergeCell ref="D64:D68"/>
    <mergeCell ref="E64:V64"/>
    <mergeCell ref="W64:Z64"/>
    <mergeCell ref="AA64:AO64"/>
    <mergeCell ref="AP64:AS64"/>
    <mergeCell ref="AT64:AT87"/>
    <mergeCell ref="AU64:AU88"/>
    <mergeCell ref="AP65:AS65"/>
    <mergeCell ref="I66:Z66"/>
    <mergeCell ref="AA66:AE68"/>
    <mergeCell ref="AF66:AS68"/>
    <mergeCell ref="F68:Z68"/>
    <mergeCell ref="F76:N76"/>
    <mergeCell ref="O76:AE77"/>
    <mergeCell ref="D69:D72"/>
    <mergeCell ref="E69:F69"/>
    <mergeCell ref="Z69:AA69"/>
    <mergeCell ref="E70:F70"/>
    <mergeCell ref="Z70:AA70"/>
    <mergeCell ref="E71:F71"/>
    <mergeCell ref="Z71:AA71"/>
    <mergeCell ref="C88:AT90"/>
    <mergeCell ref="F78:N78"/>
    <mergeCell ref="O78:AE79"/>
    <mergeCell ref="E72:F72"/>
    <mergeCell ref="Z72:AA72"/>
    <mergeCell ref="AF78:AS79"/>
    <mergeCell ref="F79:N79"/>
    <mergeCell ref="D73:D81"/>
    <mergeCell ref="E73:N73"/>
    <mergeCell ref="O73:AE73"/>
    <mergeCell ref="AF73:AS73"/>
    <mergeCell ref="E74:E75"/>
    <mergeCell ref="F74:N74"/>
    <mergeCell ref="O74:AE75"/>
    <mergeCell ref="AF74:AS75"/>
    <mergeCell ref="F75:N75"/>
    <mergeCell ref="E76:E77"/>
    <mergeCell ref="E65:V65"/>
    <mergeCell ref="W65:Z65"/>
    <mergeCell ref="AA65:AO65"/>
    <mergeCell ref="AE114:AF114"/>
    <mergeCell ref="Y130:AC130"/>
    <mergeCell ref="Y135:AA135"/>
    <mergeCell ref="Y140:AA140"/>
    <mergeCell ref="D43:L43"/>
    <mergeCell ref="M43:AS43"/>
    <mergeCell ref="Y105:AA105"/>
    <mergeCell ref="AG105:AI105"/>
    <mergeCell ref="AM105:AO105"/>
    <mergeCell ref="AG112:AI112"/>
    <mergeCell ref="AM112:AO112"/>
    <mergeCell ref="E80:E81"/>
    <mergeCell ref="F80:N80"/>
    <mergeCell ref="O80:AE81"/>
    <mergeCell ref="AF80:AS81"/>
    <mergeCell ref="F81:N81"/>
    <mergeCell ref="D82:D87"/>
    <mergeCell ref="E82:AS87"/>
    <mergeCell ref="AF76:AS77"/>
    <mergeCell ref="F77:N77"/>
    <mergeCell ref="E78:E79"/>
  </mergeCells>
  <phoneticPr fontId="59"/>
  <printOptions horizontalCentered="1"/>
  <pageMargins left="0.19685039370078741" right="0.19685039370078741" top="0.39370078740157483" bottom="0.19685039370078741" header="0.19685039370078741" footer="0.19685039370078741"/>
  <pageSetup paperSize="9" scale="77" fitToHeight="2" orientation="portrait" r:id="rId1"/>
  <headerFooter>
    <oddHeader>&amp;R別紙様式３</oddHeader>
  </headerFooter>
  <rowBreaks count="1" manualBreakCount="1">
    <brk id="47" min="2" max="45"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Z93"/>
  <sheetViews>
    <sheetView view="pageBreakPreview" topLeftCell="A4" zoomScale="60" zoomScaleNormal="100" workbookViewId="0">
      <selection activeCell="K29" sqref="K29:AS29"/>
    </sheetView>
  </sheetViews>
  <sheetFormatPr defaultColWidth="9" defaultRowHeight="13.2" x14ac:dyDescent="0.2"/>
  <cols>
    <col min="1" max="1" width="4.59765625" style="497" customWidth="1"/>
    <col min="2" max="3" width="1.59765625" style="497" customWidth="1"/>
    <col min="4" max="45" width="2.59765625" style="497" customWidth="1"/>
    <col min="46" max="47" width="1.59765625" style="497" customWidth="1"/>
    <col min="48" max="48" width="4.59765625" style="497" customWidth="1"/>
    <col min="49" max="16384" width="9" style="497"/>
  </cols>
  <sheetData>
    <row r="1" spans="1:49" ht="22.5" customHeight="1" x14ac:dyDescent="0.2">
      <c r="B1" s="1016"/>
      <c r="C1" s="498"/>
      <c r="D1" s="499" t="s">
        <v>226</v>
      </c>
      <c r="E1" s="499"/>
      <c r="F1" s="499"/>
      <c r="G1" s="499"/>
      <c r="H1" s="499"/>
      <c r="I1" s="499"/>
      <c r="J1" s="499"/>
      <c r="K1" s="499"/>
      <c r="L1" s="499"/>
      <c r="M1" s="499"/>
      <c r="N1" s="499"/>
      <c r="O1" s="499"/>
      <c r="P1" s="499"/>
      <c r="Q1" s="499"/>
      <c r="R1" s="499"/>
      <c r="S1" s="499"/>
      <c r="T1" s="499"/>
      <c r="V1" s="499"/>
      <c r="W1" s="499"/>
      <c r="X1" s="499"/>
      <c r="Y1" s="500"/>
      <c r="Z1" s="500"/>
      <c r="AA1" s="500"/>
      <c r="AB1" s="500"/>
      <c r="AC1" s="500"/>
      <c r="AD1" s="500"/>
      <c r="AE1" s="500"/>
      <c r="AF1" s="500"/>
      <c r="AG1" s="500"/>
      <c r="AH1" s="1017" t="s">
        <v>176</v>
      </c>
      <c r="AI1" s="1017"/>
      <c r="AJ1" s="1017"/>
      <c r="AK1" s="1017"/>
      <c r="AL1" s="1017"/>
      <c r="AM1" s="1017"/>
      <c r="AN1" s="1017"/>
      <c r="AO1" s="1017"/>
      <c r="AP1" s="1017"/>
      <c r="AQ1" s="1017"/>
      <c r="AR1" s="1017"/>
      <c r="AS1" s="1017"/>
      <c r="AT1" s="498"/>
      <c r="AU1" s="1016"/>
    </row>
    <row r="2" spans="1:49" ht="22.5" customHeight="1" x14ac:dyDescent="0.2">
      <c r="B2" s="1016"/>
      <c r="C2" s="498"/>
      <c r="D2" s="499"/>
      <c r="E2" s="499"/>
      <c r="F2" s="499"/>
      <c r="G2" s="499"/>
      <c r="H2" s="499"/>
      <c r="I2" s="499"/>
      <c r="J2" s="499"/>
      <c r="K2" s="499"/>
      <c r="L2" s="499"/>
      <c r="M2" s="499"/>
      <c r="N2" s="499"/>
      <c r="O2" s="499"/>
      <c r="P2" s="499"/>
      <c r="Q2" s="499"/>
      <c r="R2" s="499"/>
      <c r="S2" s="499"/>
      <c r="T2" s="499"/>
      <c r="U2" s="499"/>
      <c r="V2" s="499"/>
      <c r="W2" s="499"/>
      <c r="X2" s="499"/>
      <c r="Y2" s="499"/>
      <c r="Z2" s="499"/>
      <c r="AA2" s="499"/>
      <c r="AB2" s="499"/>
      <c r="AC2" s="499"/>
      <c r="AD2" s="499"/>
      <c r="AE2" s="499"/>
      <c r="AF2" s="499"/>
      <c r="AG2" s="499"/>
      <c r="AH2" s="499" t="s">
        <v>58</v>
      </c>
      <c r="AI2" s="501"/>
      <c r="AJ2" s="501"/>
      <c r="AK2" s="499"/>
      <c r="AL2" s="1018"/>
      <c r="AM2" s="1018"/>
      <c r="AN2" s="1018"/>
      <c r="AO2" s="1018"/>
      <c r="AP2" s="1018"/>
      <c r="AQ2" s="1018"/>
      <c r="AR2" s="1018"/>
      <c r="AS2" s="1018"/>
      <c r="AT2" s="498"/>
      <c r="AU2" s="1016"/>
    </row>
    <row r="3" spans="1:49" ht="22.5" customHeight="1" x14ac:dyDescent="0.2">
      <c r="B3" s="1016"/>
      <c r="C3" s="498"/>
      <c r="D3" s="499"/>
      <c r="E3" s="502"/>
      <c r="F3" s="502"/>
      <c r="G3" s="502"/>
      <c r="H3" s="502"/>
      <c r="I3" s="502"/>
      <c r="J3" s="502"/>
      <c r="K3" s="502"/>
      <c r="L3" s="502"/>
      <c r="M3" s="502"/>
      <c r="N3" s="502"/>
      <c r="O3" s="502"/>
      <c r="P3" s="502"/>
      <c r="Q3" s="502"/>
      <c r="R3" s="502"/>
      <c r="S3" s="502"/>
      <c r="T3" s="499"/>
      <c r="U3" s="499"/>
      <c r="V3" s="499"/>
      <c r="W3" s="499"/>
      <c r="X3" s="499"/>
      <c r="Y3" s="499"/>
      <c r="Z3" s="499"/>
      <c r="AA3" s="499"/>
      <c r="AB3" s="499"/>
      <c r="AC3" s="499"/>
      <c r="AD3" s="499"/>
      <c r="AE3" s="499"/>
      <c r="AF3" s="499"/>
      <c r="AG3" s="1019" t="s">
        <v>170</v>
      </c>
      <c r="AH3" s="1019"/>
      <c r="AI3" s="1019"/>
      <c r="AJ3" s="1019"/>
      <c r="AK3" s="1019"/>
      <c r="AL3" s="1019"/>
      <c r="AM3" s="1019"/>
      <c r="AN3" s="1019"/>
      <c r="AO3" s="1019"/>
      <c r="AP3" s="1019"/>
      <c r="AQ3" s="1019"/>
      <c r="AR3" s="1019"/>
      <c r="AS3" s="1019"/>
      <c r="AT3" s="498"/>
      <c r="AU3" s="1016"/>
    </row>
    <row r="4" spans="1:49" ht="22.5" customHeight="1" thickBot="1" x14ac:dyDescent="0.25">
      <c r="B4" s="1016"/>
      <c r="C4" s="498"/>
      <c r="D4" s="499"/>
      <c r="E4" s="1020"/>
      <c r="F4" s="1020"/>
      <c r="G4" s="1020"/>
      <c r="H4" s="1020"/>
      <c r="I4" s="1020"/>
      <c r="J4" s="1020"/>
      <c r="K4" s="1020"/>
      <c r="L4" s="1020"/>
      <c r="M4" s="1020"/>
      <c r="N4" s="1020"/>
      <c r="O4" s="1020"/>
      <c r="P4" s="1020"/>
      <c r="Q4" s="1020"/>
      <c r="R4" s="1020"/>
      <c r="S4" s="503" t="s">
        <v>59</v>
      </c>
      <c r="T4" s="499"/>
      <c r="U4" s="499"/>
      <c r="V4" s="499"/>
      <c r="W4" s="499"/>
      <c r="X4" s="499"/>
      <c r="Y4" s="499"/>
      <c r="Z4" s="499"/>
      <c r="AA4" s="499"/>
      <c r="AB4" s="499"/>
      <c r="AC4" s="499"/>
      <c r="AD4" s="499"/>
      <c r="AE4" s="499"/>
      <c r="AF4" s="499"/>
      <c r="AG4" s="1019"/>
      <c r="AH4" s="1019"/>
      <c r="AI4" s="1019"/>
      <c r="AJ4" s="1019"/>
      <c r="AK4" s="1019"/>
      <c r="AL4" s="1019"/>
      <c r="AM4" s="1019"/>
      <c r="AN4" s="1019"/>
      <c r="AO4" s="1019"/>
      <c r="AP4" s="1019"/>
      <c r="AQ4" s="1019"/>
      <c r="AR4" s="1019"/>
      <c r="AS4" s="1019"/>
      <c r="AT4" s="498"/>
      <c r="AU4" s="1016"/>
    </row>
    <row r="5" spans="1:49" ht="9.75" customHeight="1" x14ac:dyDescent="0.2">
      <c r="B5" s="1016"/>
      <c r="C5" s="498"/>
      <c r="D5" s="499"/>
      <c r="E5" s="499"/>
      <c r="F5" s="499"/>
      <c r="G5" s="499"/>
      <c r="H5" s="499"/>
      <c r="I5" s="499"/>
      <c r="J5" s="499"/>
      <c r="K5" s="499"/>
      <c r="L5" s="499"/>
      <c r="M5" s="499"/>
      <c r="N5" s="499"/>
      <c r="O5" s="499"/>
      <c r="P5" s="499"/>
      <c r="Q5" s="499"/>
      <c r="R5" s="499"/>
      <c r="S5" s="499"/>
      <c r="T5" s="499"/>
      <c r="U5" s="499"/>
      <c r="V5" s="499"/>
      <c r="W5" s="499"/>
      <c r="X5" s="499"/>
      <c r="Y5" s="499"/>
      <c r="Z5" s="499"/>
      <c r="AA5" s="499"/>
      <c r="AB5" s="499"/>
      <c r="AC5" s="499"/>
      <c r="AD5" s="499"/>
      <c r="AE5" s="499"/>
      <c r="AF5" s="499"/>
      <c r="AG5" s="1019"/>
      <c r="AH5" s="1019"/>
      <c r="AI5" s="1019"/>
      <c r="AJ5" s="1019"/>
      <c r="AK5" s="1019"/>
      <c r="AL5" s="1019"/>
      <c r="AM5" s="1019"/>
      <c r="AN5" s="1019"/>
      <c r="AO5" s="1019"/>
      <c r="AP5" s="1019"/>
      <c r="AQ5" s="1019"/>
      <c r="AR5" s="1019"/>
      <c r="AS5" s="1019"/>
      <c r="AT5" s="498"/>
      <c r="AU5" s="1016"/>
    </row>
    <row r="6" spans="1:49" ht="22.5" customHeight="1" x14ac:dyDescent="0.2">
      <c r="B6" s="1016"/>
      <c r="C6" s="498"/>
      <c r="D6" s="499"/>
      <c r="E6" s="499"/>
      <c r="F6" s="499"/>
      <c r="G6" s="499"/>
      <c r="H6" s="501"/>
      <c r="I6" s="499"/>
      <c r="J6" s="501"/>
      <c r="K6" s="499"/>
      <c r="L6" s="550"/>
      <c r="M6" s="550"/>
      <c r="N6" s="550"/>
      <c r="O6" s="550"/>
      <c r="P6" s="1014" t="s">
        <v>225</v>
      </c>
      <c r="Q6" s="1014"/>
      <c r="R6" s="1014"/>
      <c r="S6" s="1014"/>
      <c r="T6" s="1014"/>
      <c r="U6" s="1014"/>
      <c r="V6" s="1014"/>
      <c r="W6" s="1014"/>
      <c r="X6" s="1014"/>
      <c r="Y6" s="1014"/>
      <c r="Z6" s="1014"/>
      <c r="AA6" s="1014"/>
      <c r="AB6" s="1014"/>
      <c r="AC6" s="1014"/>
      <c r="AD6" s="1014"/>
      <c r="AE6" s="1014"/>
      <c r="AF6" s="1015"/>
      <c r="AG6" s="1015"/>
      <c r="AH6" s="1015"/>
      <c r="AI6" s="1015"/>
      <c r="AJ6" s="1015"/>
      <c r="AK6" s="1015"/>
      <c r="AL6" s="1015"/>
      <c r="AM6" s="1015"/>
      <c r="AN6" s="1015"/>
      <c r="AO6" s="1015"/>
      <c r="AP6" s="1015"/>
      <c r="AQ6" s="1015"/>
      <c r="AR6" s="1015"/>
      <c r="AS6" s="1015"/>
      <c r="AT6" s="498"/>
      <c r="AU6" s="1016"/>
    </row>
    <row r="7" spans="1:49" s="134" customFormat="1" ht="22.5" customHeight="1" x14ac:dyDescent="0.2">
      <c r="A7" s="304"/>
      <c r="B7" s="1016"/>
      <c r="C7" s="101"/>
      <c r="D7" s="1174" t="s">
        <v>222</v>
      </c>
      <c r="E7" s="1174"/>
      <c r="F7" s="1174"/>
      <c r="G7" s="1174"/>
      <c r="H7" s="1174"/>
      <c r="I7" s="1174"/>
      <c r="J7" s="1174"/>
      <c r="K7" s="1174"/>
      <c r="L7" s="1174"/>
      <c r="M7" s="1174"/>
      <c r="N7" s="1174"/>
      <c r="O7" s="1174"/>
      <c r="P7" s="1174"/>
      <c r="Q7" s="1174"/>
      <c r="R7" s="1174"/>
      <c r="S7" s="1174"/>
      <c r="T7" s="1174"/>
      <c r="U7" s="1174"/>
      <c r="V7" s="1174"/>
      <c r="W7" s="1174"/>
      <c r="X7" s="1174"/>
      <c r="Y7" s="1174"/>
      <c r="Z7" s="1174"/>
      <c r="AA7" s="1174"/>
      <c r="AB7" s="1174"/>
      <c r="AC7" s="1174"/>
      <c r="AD7" s="1174"/>
      <c r="AE7" s="1174"/>
      <c r="AF7" s="1174"/>
      <c r="AG7" s="1174"/>
      <c r="AH7" s="1174"/>
      <c r="AI7" s="1174"/>
      <c r="AJ7" s="1174"/>
      <c r="AK7" s="1174"/>
      <c r="AL7" s="1174"/>
      <c r="AM7" s="1174"/>
      <c r="AN7" s="1174"/>
      <c r="AO7" s="1174"/>
      <c r="AP7" s="1174"/>
      <c r="AQ7" s="1174"/>
      <c r="AR7" s="1174"/>
      <c r="AS7" s="1174"/>
      <c r="AT7" s="101"/>
      <c r="AU7" s="1016"/>
      <c r="AV7" s="132"/>
      <c r="AW7" s="133"/>
    </row>
    <row r="8" spans="1:49" s="134" customFormat="1" ht="14.4" customHeight="1" x14ac:dyDescent="0.2">
      <c r="A8" s="304"/>
      <c r="B8" s="1016"/>
      <c r="C8" s="101"/>
      <c r="D8" s="1174"/>
      <c r="E8" s="1174"/>
      <c r="F8" s="1174"/>
      <c r="G8" s="1174"/>
      <c r="H8" s="1174"/>
      <c r="I8" s="1174"/>
      <c r="J8" s="1174"/>
      <c r="K8" s="1174"/>
      <c r="L8" s="1174"/>
      <c r="M8" s="1174"/>
      <c r="N8" s="1174"/>
      <c r="O8" s="1174"/>
      <c r="P8" s="1174"/>
      <c r="Q8" s="1174"/>
      <c r="R8" s="1174"/>
      <c r="S8" s="1174"/>
      <c r="T8" s="1174"/>
      <c r="U8" s="1174"/>
      <c r="V8" s="1174"/>
      <c r="W8" s="1174"/>
      <c r="X8" s="1174"/>
      <c r="Y8" s="1174"/>
      <c r="Z8" s="1174"/>
      <c r="AA8" s="1174"/>
      <c r="AB8" s="1174"/>
      <c r="AC8" s="1174"/>
      <c r="AD8" s="1174"/>
      <c r="AE8" s="1174"/>
      <c r="AF8" s="1174"/>
      <c r="AG8" s="1174"/>
      <c r="AH8" s="1174"/>
      <c r="AI8" s="1174"/>
      <c r="AJ8" s="1174"/>
      <c r="AK8" s="1174"/>
      <c r="AL8" s="1174"/>
      <c r="AM8" s="1174"/>
      <c r="AN8" s="1174"/>
      <c r="AO8" s="1174"/>
      <c r="AP8" s="1174"/>
      <c r="AQ8" s="1174"/>
      <c r="AR8" s="1174"/>
      <c r="AS8" s="1174"/>
      <c r="AT8" s="101"/>
      <c r="AU8" s="1016"/>
      <c r="AV8" s="132"/>
      <c r="AW8" s="133"/>
    </row>
    <row r="9" spans="1:49" s="4" customFormat="1" ht="22.5" customHeight="1" thickBot="1" x14ac:dyDescent="0.25">
      <c r="A9" s="305"/>
      <c r="B9" s="1016"/>
      <c r="C9" s="479"/>
      <c r="D9" s="92" t="s">
        <v>167</v>
      </c>
      <c r="E9" s="102" t="s">
        <v>168</v>
      </c>
      <c r="G9" s="102"/>
      <c r="H9" s="92"/>
      <c r="I9" s="92"/>
      <c r="J9" s="92"/>
      <c r="K9" s="92"/>
      <c r="L9" s="92"/>
      <c r="M9" s="92"/>
      <c r="N9" s="92"/>
      <c r="O9" s="92"/>
      <c r="P9" s="92"/>
      <c r="Q9" s="92"/>
      <c r="R9" s="92"/>
      <c r="S9" s="92"/>
      <c r="T9" s="92"/>
      <c r="U9" s="92"/>
      <c r="V9" s="92"/>
      <c r="W9" s="92"/>
      <c r="X9" s="92"/>
      <c r="Y9" s="92"/>
      <c r="Z9" s="92"/>
      <c r="AC9" s="92"/>
      <c r="AD9" s="92"/>
      <c r="AE9" s="92"/>
      <c r="AF9" s="92"/>
      <c r="AG9" s="92"/>
      <c r="AH9" s="92"/>
      <c r="AI9" s="92"/>
      <c r="AJ9" s="92"/>
      <c r="AL9" s="103"/>
      <c r="AM9" s="103"/>
      <c r="AN9" s="92"/>
      <c r="AO9" s="92"/>
      <c r="AP9" s="92"/>
      <c r="AQ9" s="92"/>
      <c r="AR9" s="92"/>
      <c r="AS9" s="92"/>
      <c r="AT9" s="479"/>
      <c r="AU9" s="1016"/>
    </row>
    <row r="10" spans="1:49" ht="27" customHeight="1" x14ac:dyDescent="0.2">
      <c r="B10" s="1016"/>
      <c r="C10" s="498"/>
      <c r="D10" s="1044" t="s">
        <v>154</v>
      </c>
      <c r="E10" s="504" t="s">
        <v>4</v>
      </c>
      <c r="F10" s="505"/>
      <c r="G10" s="505"/>
      <c r="H10" s="505"/>
      <c r="I10" s="1046"/>
      <c r="J10" s="1046"/>
      <c r="K10" s="1046"/>
      <c r="L10" s="1046"/>
      <c r="M10" s="1046"/>
      <c r="N10" s="1046"/>
      <c r="O10" s="1046"/>
      <c r="P10" s="1046"/>
      <c r="Q10" s="1047"/>
      <c r="R10" s="506" t="s">
        <v>2</v>
      </c>
      <c r="S10" s="505"/>
      <c r="T10" s="505"/>
      <c r="U10" s="505"/>
      <c r="V10" s="1046"/>
      <c r="W10" s="1046"/>
      <c r="X10" s="1046"/>
      <c r="Y10" s="1046"/>
      <c r="Z10" s="1046"/>
      <c r="AA10" s="1046"/>
      <c r="AB10" s="1046"/>
      <c r="AC10" s="1046"/>
      <c r="AD10" s="1046"/>
      <c r="AE10" s="1047"/>
      <c r="AF10" s="506" t="s">
        <v>6</v>
      </c>
      <c r="AG10" s="505"/>
      <c r="AH10" s="505"/>
      <c r="AI10" s="505"/>
      <c r="AJ10" s="1046"/>
      <c r="AK10" s="1046"/>
      <c r="AL10" s="1046"/>
      <c r="AM10" s="1046"/>
      <c r="AN10" s="1046"/>
      <c r="AO10" s="1046"/>
      <c r="AP10" s="1046"/>
      <c r="AQ10" s="1046"/>
      <c r="AR10" s="1046"/>
      <c r="AS10" s="1048"/>
      <c r="AT10" s="498"/>
      <c r="AU10" s="1016"/>
    </row>
    <row r="11" spans="1:49" ht="27" customHeight="1" x14ac:dyDescent="0.2">
      <c r="B11" s="1016"/>
      <c r="C11" s="498"/>
      <c r="D11" s="1045"/>
      <c r="E11" s="507" t="s">
        <v>61</v>
      </c>
      <c r="F11" s="508"/>
      <c r="G11" s="508"/>
      <c r="H11" s="508"/>
      <c r="I11" s="508"/>
      <c r="J11" s="508"/>
      <c r="K11" s="508"/>
      <c r="L11" s="1049"/>
      <c r="M11" s="1049"/>
      <c r="N11" s="1049"/>
      <c r="O11" s="1049"/>
      <c r="P11" s="1049"/>
      <c r="Q11" s="1049"/>
      <c r="R11" s="1049"/>
      <c r="S11" s="1049"/>
      <c r="T11" s="1049"/>
      <c r="U11" s="1049"/>
      <c r="V11" s="1049"/>
      <c r="W11" s="1049"/>
      <c r="X11" s="1049"/>
      <c r="Y11" s="1049"/>
      <c r="Z11" s="1049"/>
      <c r="AA11" s="1049"/>
      <c r="AB11" s="1049"/>
      <c r="AC11" s="1049"/>
      <c r="AD11" s="1049"/>
      <c r="AE11" s="1050"/>
      <c r="AF11" s="509" t="s">
        <v>1</v>
      </c>
      <c r="AG11" s="508"/>
      <c r="AH11" s="508"/>
      <c r="AI11" s="508"/>
      <c r="AJ11" s="1051"/>
      <c r="AK11" s="1051"/>
      <c r="AL11" s="1051"/>
      <c r="AM11" s="1051"/>
      <c r="AN11" s="1051"/>
      <c r="AO11" s="1051"/>
      <c r="AP11" s="1051"/>
      <c r="AQ11" s="1051"/>
      <c r="AR11" s="1051"/>
      <c r="AS11" s="1052"/>
      <c r="AT11" s="498"/>
      <c r="AU11" s="1016"/>
    </row>
    <row r="12" spans="1:49" ht="23.25" customHeight="1" x14ac:dyDescent="0.2">
      <c r="B12" s="1016"/>
      <c r="C12" s="498"/>
      <c r="D12" s="1045"/>
      <c r="E12" s="510" t="s">
        <v>155</v>
      </c>
      <c r="F12" s="511"/>
      <c r="G12" s="511"/>
      <c r="H12" s="511"/>
      <c r="I12" s="511"/>
      <c r="J12" s="511"/>
      <c r="K12" s="511"/>
      <c r="L12" s="511"/>
      <c r="M12" s="511"/>
      <c r="N12" s="511"/>
      <c r="O12" s="511"/>
      <c r="P12" s="511"/>
      <c r="Q12" s="511"/>
      <c r="R12" s="511"/>
      <c r="S12" s="511"/>
      <c r="T12" s="511"/>
      <c r="U12" s="511"/>
      <c r="V12" s="511"/>
      <c r="W12" s="511"/>
      <c r="X12" s="511"/>
      <c r="Y12" s="511"/>
      <c r="Z12" s="511"/>
      <c r="AA12" s="511"/>
      <c r="AB12" s="511"/>
      <c r="AC12" s="511"/>
      <c r="AD12" s="511"/>
      <c r="AE12" s="511"/>
      <c r="AF12" s="511"/>
      <c r="AG12" s="511"/>
      <c r="AH12" s="511"/>
      <c r="AI12" s="511"/>
      <c r="AJ12" s="511"/>
      <c r="AK12" s="511"/>
      <c r="AL12" s="511"/>
      <c r="AM12" s="511"/>
      <c r="AN12" s="511"/>
      <c r="AO12" s="511"/>
      <c r="AP12" s="511"/>
      <c r="AQ12" s="511"/>
      <c r="AR12" s="511"/>
      <c r="AS12" s="512"/>
      <c r="AT12" s="498"/>
      <c r="AU12" s="1016"/>
    </row>
    <row r="13" spans="1:49" ht="23.25" customHeight="1" x14ac:dyDescent="0.2">
      <c r="B13" s="1016"/>
      <c r="C13" s="498"/>
      <c r="D13" s="1045"/>
      <c r="E13" s="513"/>
      <c r="F13" s="1053"/>
      <c r="G13" s="1053"/>
      <c r="H13" s="1053"/>
      <c r="I13" s="1053"/>
      <c r="J13" s="1053"/>
      <c r="K13" s="1053"/>
      <c r="L13" s="1053"/>
      <c r="M13" s="1053"/>
      <c r="N13" s="1053"/>
      <c r="O13" s="1053"/>
      <c r="P13" s="1053"/>
      <c r="Q13" s="1053"/>
      <c r="R13" s="1053"/>
      <c r="S13" s="1053"/>
      <c r="T13" s="1053"/>
      <c r="U13" s="1053"/>
      <c r="V13" s="1053"/>
      <c r="W13" s="1053"/>
      <c r="X13" s="1053"/>
      <c r="Y13" s="1053"/>
      <c r="Z13" s="1053"/>
      <c r="AA13" s="1053"/>
      <c r="AB13" s="1053"/>
      <c r="AC13" s="1053"/>
      <c r="AD13" s="1053"/>
      <c r="AE13" s="1053"/>
      <c r="AF13" s="1053"/>
      <c r="AG13" s="1053"/>
      <c r="AH13" s="1053"/>
      <c r="AI13" s="1053"/>
      <c r="AJ13" s="1053"/>
      <c r="AK13" s="1053"/>
      <c r="AL13" s="1053"/>
      <c r="AM13" s="1053"/>
      <c r="AN13" s="1053"/>
      <c r="AO13" s="1053"/>
      <c r="AP13" s="1053"/>
      <c r="AQ13" s="1053"/>
      <c r="AR13" s="1053"/>
      <c r="AS13" s="1054"/>
      <c r="AT13" s="498"/>
      <c r="AU13" s="1016"/>
    </row>
    <row r="14" spans="1:49" ht="23.25" customHeight="1" x14ac:dyDescent="0.2">
      <c r="B14" s="1016"/>
      <c r="C14" s="498"/>
      <c r="D14" s="1045"/>
      <c r="E14" s="514" t="s">
        <v>3</v>
      </c>
      <c r="F14" s="515"/>
      <c r="G14" s="515"/>
      <c r="H14" s="515"/>
      <c r="I14" s="1055"/>
      <c r="J14" s="1055"/>
      <c r="K14" s="1055"/>
      <c r="L14" s="1055"/>
      <c r="M14" s="1055"/>
      <c r="N14" s="1055"/>
      <c r="O14" s="1055"/>
      <c r="P14" s="1055"/>
      <c r="Q14" s="1055"/>
      <c r="R14" s="1055"/>
      <c r="S14" s="1055"/>
      <c r="T14" s="1055"/>
      <c r="U14" s="1055"/>
      <c r="V14" s="1055"/>
      <c r="W14" s="1055"/>
      <c r="X14" s="1055"/>
      <c r="Y14" s="1055"/>
      <c r="Z14" s="1055"/>
      <c r="AA14" s="1055"/>
      <c r="AB14" s="1055"/>
      <c r="AC14" s="1055"/>
      <c r="AD14" s="1055"/>
      <c r="AE14" s="1056"/>
      <c r="AF14" s="1057" t="s">
        <v>163</v>
      </c>
      <c r="AG14" s="1055"/>
      <c r="AH14" s="1055"/>
      <c r="AI14" s="1055"/>
      <c r="AJ14" s="1055"/>
      <c r="AK14" s="1055"/>
      <c r="AL14" s="1055"/>
      <c r="AM14" s="1055"/>
      <c r="AN14" s="1055"/>
      <c r="AO14" s="1055"/>
      <c r="AP14" s="1055"/>
      <c r="AQ14" s="1055"/>
      <c r="AR14" s="1055"/>
      <c r="AS14" s="1058"/>
      <c r="AT14" s="498"/>
      <c r="AU14" s="1016"/>
    </row>
    <row r="15" spans="1:49" ht="23.25" customHeight="1" x14ac:dyDescent="0.2">
      <c r="B15" s="1016"/>
      <c r="C15" s="498"/>
      <c r="D15" s="1045"/>
      <c r="E15" s="516" t="s">
        <v>156</v>
      </c>
      <c r="F15" s="499"/>
      <c r="G15" s="499"/>
      <c r="H15" s="499"/>
      <c r="I15" s="499"/>
      <c r="J15" s="499"/>
      <c r="K15" s="499"/>
      <c r="L15" s="499"/>
      <c r="M15" s="499"/>
      <c r="N15" s="499"/>
      <c r="O15" s="499"/>
      <c r="P15" s="499"/>
      <c r="Q15" s="499"/>
      <c r="R15" s="499"/>
      <c r="S15" s="499"/>
      <c r="T15" s="499"/>
      <c r="U15" s="499"/>
      <c r="V15" s="499"/>
      <c r="W15" s="499"/>
      <c r="X15" s="499"/>
      <c r="Y15" s="499"/>
      <c r="Z15" s="499"/>
      <c r="AA15" s="499"/>
      <c r="AB15" s="499"/>
      <c r="AC15" s="499"/>
      <c r="AD15" s="499"/>
      <c r="AE15" s="499"/>
      <c r="AF15" s="517" t="s">
        <v>142</v>
      </c>
      <c r="AG15" s="518"/>
      <c r="AH15" s="518"/>
      <c r="AI15" s="518"/>
      <c r="AJ15" s="518"/>
      <c r="AK15" s="518"/>
      <c r="AL15" s="518"/>
      <c r="AM15" s="518"/>
      <c r="AN15" s="518"/>
      <c r="AO15" s="518"/>
      <c r="AP15" s="518"/>
      <c r="AQ15" s="518"/>
      <c r="AR15" s="518"/>
      <c r="AS15" s="519"/>
      <c r="AT15" s="498"/>
      <c r="AU15" s="1016"/>
    </row>
    <row r="16" spans="1:49" ht="23.25" customHeight="1" thickBot="1" x14ac:dyDescent="0.25">
      <c r="B16" s="1016"/>
      <c r="C16" s="498"/>
      <c r="D16" s="1045"/>
      <c r="E16" s="520"/>
      <c r="F16" s="1053"/>
      <c r="G16" s="1053"/>
      <c r="H16" s="1053"/>
      <c r="I16" s="1053"/>
      <c r="J16" s="1053"/>
      <c r="K16" s="1053"/>
      <c r="L16" s="1053"/>
      <c r="M16" s="1053"/>
      <c r="N16" s="1053"/>
      <c r="O16" s="1053"/>
      <c r="P16" s="1053"/>
      <c r="Q16" s="1053"/>
      <c r="R16" s="1053"/>
      <c r="S16" s="1053"/>
      <c r="T16" s="1053"/>
      <c r="U16" s="1053"/>
      <c r="V16" s="1053"/>
      <c r="W16" s="1053"/>
      <c r="X16" s="1053"/>
      <c r="Y16" s="1053"/>
      <c r="Z16" s="1053"/>
      <c r="AA16" s="1053"/>
      <c r="AB16" s="1053"/>
      <c r="AC16" s="1053"/>
      <c r="AD16" s="1053"/>
      <c r="AE16" s="1059"/>
      <c r="AF16" s="521"/>
      <c r="AG16" s="1028"/>
      <c r="AH16" s="1028"/>
      <c r="AI16" s="1028"/>
      <c r="AJ16" s="1028"/>
      <c r="AK16" s="1028"/>
      <c r="AL16" s="1028"/>
      <c r="AM16" s="1028"/>
      <c r="AN16" s="1028"/>
      <c r="AO16" s="1028"/>
      <c r="AP16" s="1028"/>
      <c r="AQ16" s="1028"/>
      <c r="AR16" s="1028"/>
      <c r="AS16" s="522"/>
      <c r="AT16" s="498"/>
      <c r="AU16" s="1016"/>
    </row>
    <row r="17" spans="2:47" ht="25.5" customHeight="1" x14ac:dyDescent="0.2">
      <c r="B17" s="1016"/>
      <c r="C17" s="498"/>
      <c r="D17" s="1029" t="s">
        <v>210</v>
      </c>
      <c r="E17" s="1032" t="s">
        <v>4</v>
      </c>
      <c r="F17" s="1032"/>
      <c r="G17" s="1032"/>
      <c r="H17" s="1032"/>
      <c r="I17" s="1032"/>
      <c r="J17" s="1032"/>
      <c r="K17" s="1032"/>
      <c r="L17" s="1032"/>
      <c r="M17" s="1032"/>
      <c r="N17" s="1032"/>
      <c r="O17" s="1032"/>
      <c r="P17" s="1032"/>
      <c r="Q17" s="1033" t="s">
        <v>2</v>
      </c>
      <c r="R17" s="1034"/>
      <c r="S17" s="1034"/>
      <c r="T17" s="1034"/>
      <c r="U17" s="1034"/>
      <c r="V17" s="1034"/>
      <c r="W17" s="1034"/>
      <c r="X17" s="1034"/>
      <c r="Y17" s="1034"/>
      <c r="Z17" s="1034"/>
      <c r="AA17" s="1034"/>
      <c r="AB17" s="1034"/>
      <c r="AC17" s="1034"/>
      <c r="AD17" s="1034"/>
      <c r="AE17" s="1034"/>
      <c r="AF17" s="1035"/>
      <c r="AG17" s="1033" t="s">
        <v>55</v>
      </c>
      <c r="AH17" s="1034"/>
      <c r="AI17" s="1034"/>
      <c r="AJ17" s="1034"/>
      <c r="AK17" s="1034"/>
      <c r="AL17" s="1034"/>
      <c r="AM17" s="1034"/>
      <c r="AN17" s="1034"/>
      <c r="AO17" s="1034"/>
      <c r="AP17" s="1034"/>
      <c r="AQ17" s="1034"/>
      <c r="AR17" s="1034"/>
      <c r="AS17" s="1036"/>
      <c r="AT17" s="498"/>
      <c r="AU17" s="1016"/>
    </row>
    <row r="18" spans="2:47" ht="27" customHeight="1" x14ac:dyDescent="0.2">
      <c r="B18" s="1016"/>
      <c r="C18" s="498"/>
      <c r="D18" s="1030"/>
      <c r="E18" s="1037" t="s">
        <v>5</v>
      </c>
      <c r="F18" s="1038"/>
      <c r="G18" s="1038"/>
      <c r="H18" s="1038"/>
      <c r="I18" s="1038"/>
      <c r="J18" s="1038"/>
      <c r="K18" s="1038"/>
      <c r="L18" s="1038"/>
      <c r="M18" s="1038"/>
      <c r="N18" s="1038"/>
      <c r="O18" s="1038"/>
      <c r="P18" s="1038"/>
      <c r="Q18" s="1038"/>
      <c r="R18" s="1038"/>
      <c r="S18" s="1038"/>
      <c r="T18" s="1038"/>
      <c r="U18" s="1038"/>
      <c r="V18" s="1038"/>
      <c r="W18" s="1038"/>
      <c r="X18" s="1038"/>
      <c r="Y18" s="1038"/>
      <c r="Z18" s="1038"/>
      <c r="AA18" s="1038"/>
      <c r="AB18" s="1038"/>
      <c r="AC18" s="1038"/>
      <c r="AD18" s="1038"/>
      <c r="AE18" s="1038"/>
      <c r="AF18" s="548"/>
      <c r="AG18" s="1023" t="s">
        <v>211</v>
      </c>
      <c r="AH18" s="1023"/>
      <c r="AI18" s="1023"/>
      <c r="AJ18" s="1023"/>
      <c r="AK18" s="1023"/>
      <c r="AL18" s="1023"/>
      <c r="AM18" s="1023"/>
      <c r="AN18" s="1023"/>
      <c r="AO18" s="1023"/>
      <c r="AP18" s="1023"/>
      <c r="AQ18" s="1023"/>
      <c r="AR18" s="1023"/>
      <c r="AS18" s="1023"/>
      <c r="AT18" s="498"/>
      <c r="AU18" s="1016"/>
    </row>
    <row r="19" spans="2:47" ht="27" customHeight="1" x14ac:dyDescent="0.2">
      <c r="B19" s="1016"/>
      <c r="C19" s="498"/>
      <c r="D19" s="1030"/>
      <c r="E19" s="1021" t="s">
        <v>212</v>
      </c>
      <c r="F19" s="1021"/>
      <c r="G19" s="1021"/>
      <c r="H19" s="1021"/>
      <c r="I19" s="1021"/>
      <c r="J19" s="1021"/>
      <c r="K19" s="1021"/>
      <c r="L19" s="1021"/>
      <c r="M19" s="1021"/>
      <c r="N19" s="1039" t="s">
        <v>3</v>
      </c>
      <c r="O19" s="1039"/>
      <c r="P19" s="1039"/>
      <c r="Q19" s="1039"/>
      <c r="R19" s="1039"/>
      <c r="S19" s="1039"/>
      <c r="T19" s="1039"/>
      <c r="U19" s="1039"/>
      <c r="V19" s="1039"/>
      <c r="W19" s="1039"/>
      <c r="X19" s="1039"/>
      <c r="Y19" s="1039"/>
      <c r="Z19" s="1039"/>
      <c r="AA19" s="1039"/>
      <c r="AB19" s="1039"/>
      <c r="AC19" s="1040"/>
      <c r="AD19" s="1040"/>
      <c r="AE19" s="1040"/>
      <c r="AF19" s="1040"/>
      <c r="AG19" s="1040"/>
      <c r="AH19" s="1040"/>
      <c r="AI19" s="1040"/>
      <c r="AJ19" s="1040"/>
      <c r="AK19" s="1040"/>
      <c r="AL19" s="1040"/>
      <c r="AM19" s="1040"/>
      <c r="AN19" s="1040"/>
      <c r="AO19" s="1040"/>
      <c r="AP19" s="1040"/>
      <c r="AQ19" s="1040"/>
      <c r="AR19" s="1040"/>
      <c r="AS19" s="1041"/>
      <c r="AT19" s="498"/>
      <c r="AU19" s="1016"/>
    </row>
    <row r="20" spans="2:47" ht="27" customHeight="1" x14ac:dyDescent="0.2">
      <c r="B20" s="1016"/>
      <c r="C20" s="498"/>
      <c r="D20" s="1030"/>
      <c r="E20" s="1021"/>
      <c r="F20" s="1021"/>
      <c r="G20" s="1021"/>
      <c r="H20" s="1021"/>
      <c r="I20" s="1021"/>
      <c r="J20" s="1021"/>
      <c r="K20" s="1021"/>
      <c r="L20" s="1021"/>
      <c r="M20" s="1021"/>
      <c r="N20" s="1042"/>
      <c r="O20" s="1042"/>
      <c r="P20" s="1042"/>
      <c r="Q20" s="1042"/>
      <c r="R20" s="1042"/>
      <c r="S20" s="1042"/>
      <c r="T20" s="1042"/>
      <c r="U20" s="1042"/>
      <c r="V20" s="1042"/>
      <c r="W20" s="1042"/>
      <c r="X20" s="1042"/>
      <c r="Y20" s="1042"/>
      <c r="Z20" s="1042"/>
      <c r="AA20" s="1042"/>
      <c r="AB20" s="1042"/>
      <c r="AC20" s="1042"/>
      <c r="AD20" s="1042"/>
      <c r="AE20" s="1042"/>
      <c r="AF20" s="1042"/>
      <c r="AG20" s="1042"/>
      <c r="AH20" s="1042"/>
      <c r="AI20" s="1042"/>
      <c r="AJ20" s="1042"/>
      <c r="AK20" s="1042"/>
      <c r="AL20" s="1042"/>
      <c r="AM20" s="1042"/>
      <c r="AN20" s="1042"/>
      <c r="AO20" s="1042"/>
      <c r="AP20" s="1042"/>
      <c r="AQ20" s="1042"/>
      <c r="AR20" s="1042"/>
      <c r="AS20" s="1043"/>
      <c r="AT20" s="498"/>
      <c r="AU20" s="1016"/>
    </row>
    <row r="21" spans="2:47" ht="27" customHeight="1" x14ac:dyDescent="0.2">
      <c r="B21" s="1016"/>
      <c r="C21" s="498"/>
      <c r="D21" s="1030"/>
      <c r="E21" s="1021" t="s">
        <v>213</v>
      </c>
      <c r="F21" s="1021"/>
      <c r="G21" s="1021"/>
      <c r="H21" s="1021"/>
      <c r="I21" s="1021"/>
      <c r="J21" s="1021"/>
      <c r="K21" s="1021"/>
      <c r="L21" s="1021"/>
      <c r="M21" s="1021"/>
      <c r="N21" s="1021"/>
      <c r="O21" s="1021"/>
      <c r="P21" s="1021"/>
      <c r="Q21" s="1021"/>
      <c r="R21" s="1021"/>
      <c r="S21" s="1021"/>
      <c r="T21" s="1021"/>
      <c r="U21" s="1021"/>
      <c r="V21" s="1021"/>
      <c r="W21" s="1021"/>
      <c r="X21" s="1021"/>
      <c r="Y21" s="1021"/>
      <c r="Z21" s="1021"/>
      <c r="AA21" s="1021"/>
      <c r="AB21" s="1021"/>
      <c r="AC21" s="1021"/>
      <c r="AD21" s="1021"/>
      <c r="AE21" s="1021"/>
      <c r="AF21" s="1021"/>
      <c r="AG21" s="1021"/>
      <c r="AH21" s="1021"/>
      <c r="AI21" s="1021"/>
      <c r="AJ21" s="1021"/>
      <c r="AK21" s="1021"/>
      <c r="AL21" s="1021"/>
      <c r="AM21" s="1021"/>
      <c r="AN21" s="1021"/>
      <c r="AO21" s="1021"/>
      <c r="AP21" s="1021"/>
      <c r="AQ21" s="1021"/>
      <c r="AR21" s="1021"/>
      <c r="AS21" s="1022"/>
      <c r="AT21" s="498"/>
      <c r="AU21" s="1016"/>
    </row>
    <row r="22" spans="2:47" ht="27" customHeight="1" x14ac:dyDescent="0.2">
      <c r="B22" s="1016"/>
      <c r="C22" s="498"/>
      <c r="D22" s="1030"/>
      <c r="E22" s="1021" t="s">
        <v>214</v>
      </c>
      <c r="F22" s="1021"/>
      <c r="G22" s="1021"/>
      <c r="H22" s="1021"/>
      <c r="I22" s="1021"/>
      <c r="J22" s="1021"/>
      <c r="K22" s="1023" t="s">
        <v>34</v>
      </c>
      <c r="L22" s="1023"/>
      <c r="M22" s="1023"/>
      <c r="N22" s="1023"/>
      <c r="O22" s="1023"/>
      <c r="P22" s="1023"/>
      <c r="Q22" s="1023"/>
      <c r="R22" s="1023"/>
      <c r="S22" s="1023"/>
      <c r="T22" s="1023"/>
      <c r="U22" s="1023"/>
      <c r="V22" s="1023"/>
      <c r="W22" s="1023"/>
      <c r="X22" s="1023"/>
      <c r="Y22" s="1023"/>
      <c r="Z22" s="1023"/>
      <c r="AA22" s="1023"/>
      <c r="AB22" s="1023"/>
      <c r="AC22" s="1023"/>
      <c r="AD22" s="1023"/>
      <c r="AE22" s="1023"/>
      <c r="AF22" s="1023"/>
      <c r="AG22" s="1023"/>
      <c r="AH22" s="1023"/>
      <c r="AI22" s="1023"/>
      <c r="AJ22" s="1023"/>
      <c r="AK22" s="1023"/>
      <c r="AL22" s="1023"/>
      <c r="AM22" s="1023"/>
      <c r="AN22" s="1023"/>
      <c r="AO22" s="1023"/>
      <c r="AP22" s="1023"/>
      <c r="AQ22" s="1023"/>
      <c r="AR22" s="1023"/>
      <c r="AS22" s="1024"/>
      <c r="AT22" s="498"/>
      <c r="AU22" s="1016"/>
    </row>
    <row r="23" spans="2:47" ht="77.25" customHeight="1" thickBot="1" x14ac:dyDescent="0.25">
      <c r="B23" s="1016"/>
      <c r="C23" s="498"/>
      <c r="D23" s="1031"/>
      <c r="E23" s="1025" t="s">
        <v>33</v>
      </c>
      <c r="F23" s="1025"/>
      <c r="G23" s="1025"/>
      <c r="H23" s="1025"/>
      <c r="I23" s="1025"/>
      <c r="J23" s="1025"/>
      <c r="K23" s="1026" t="s">
        <v>215</v>
      </c>
      <c r="L23" s="1026"/>
      <c r="M23" s="1026"/>
      <c r="N23" s="1026"/>
      <c r="O23" s="1026"/>
      <c r="P23" s="1026"/>
      <c r="Q23" s="1026"/>
      <c r="R23" s="1026"/>
      <c r="S23" s="1026"/>
      <c r="T23" s="1026"/>
      <c r="U23" s="1026"/>
      <c r="V23" s="1026"/>
      <c r="W23" s="1026"/>
      <c r="X23" s="1026"/>
      <c r="Y23" s="1026"/>
      <c r="Z23" s="1026"/>
      <c r="AA23" s="1026"/>
      <c r="AB23" s="1026"/>
      <c r="AC23" s="1026"/>
      <c r="AD23" s="1026"/>
      <c r="AE23" s="1026"/>
      <c r="AF23" s="1026"/>
      <c r="AG23" s="1026"/>
      <c r="AH23" s="1026"/>
      <c r="AI23" s="1026"/>
      <c r="AJ23" s="1026"/>
      <c r="AK23" s="1026"/>
      <c r="AL23" s="1026"/>
      <c r="AM23" s="1026"/>
      <c r="AN23" s="1026"/>
      <c r="AO23" s="1026"/>
      <c r="AP23" s="1026"/>
      <c r="AQ23" s="1026"/>
      <c r="AR23" s="1026"/>
      <c r="AS23" s="1027"/>
      <c r="AT23" s="498"/>
      <c r="AU23" s="1016"/>
    </row>
    <row r="24" spans="2:47" ht="25.5" customHeight="1" x14ac:dyDescent="0.2">
      <c r="B24" s="1016"/>
      <c r="C24" s="498"/>
      <c r="D24" s="1080" t="s">
        <v>216</v>
      </c>
      <c r="E24" s="1083" t="s">
        <v>4</v>
      </c>
      <c r="F24" s="1083"/>
      <c r="G24" s="1083"/>
      <c r="H24" s="1083"/>
      <c r="I24" s="1083"/>
      <c r="J24" s="1083"/>
      <c r="K24" s="1083"/>
      <c r="L24" s="1083"/>
      <c r="M24" s="1083"/>
      <c r="N24" s="1083"/>
      <c r="O24" s="1083"/>
      <c r="P24" s="1083"/>
      <c r="Q24" s="1084" t="s">
        <v>2</v>
      </c>
      <c r="R24" s="1085"/>
      <c r="S24" s="1085"/>
      <c r="T24" s="1085"/>
      <c r="U24" s="1085"/>
      <c r="V24" s="1085"/>
      <c r="W24" s="1085"/>
      <c r="X24" s="1085"/>
      <c r="Y24" s="1085"/>
      <c r="Z24" s="1085"/>
      <c r="AA24" s="1085"/>
      <c r="AB24" s="1085"/>
      <c r="AC24" s="1085"/>
      <c r="AD24" s="1085"/>
      <c r="AE24" s="1085"/>
      <c r="AF24" s="1086"/>
      <c r="AG24" s="1084" t="s">
        <v>55</v>
      </c>
      <c r="AH24" s="1085"/>
      <c r="AI24" s="1085"/>
      <c r="AJ24" s="1085"/>
      <c r="AK24" s="1085"/>
      <c r="AL24" s="1085"/>
      <c r="AM24" s="1085"/>
      <c r="AN24" s="1085"/>
      <c r="AO24" s="1085"/>
      <c r="AP24" s="1085"/>
      <c r="AQ24" s="1085"/>
      <c r="AR24" s="1085"/>
      <c r="AS24" s="1087"/>
      <c r="AT24" s="498"/>
      <c r="AU24" s="1016"/>
    </row>
    <row r="25" spans="2:47" ht="27" customHeight="1" x14ac:dyDescent="0.2">
      <c r="B25" s="1016"/>
      <c r="C25" s="498"/>
      <c r="D25" s="1081"/>
      <c r="E25" s="1088" t="s">
        <v>5</v>
      </c>
      <c r="F25" s="1089"/>
      <c r="G25" s="1089"/>
      <c r="H25" s="1089"/>
      <c r="I25" s="1089"/>
      <c r="J25" s="1089"/>
      <c r="K25" s="1089"/>
      <c r="L25" s="1089"/>
      <c r="M25" s="1089"/>
      <c r="N25" s="1089"/>
      <c r="O25" s="1089"/>
      <c r="P25" s="1089"/>
      <c r="Q25" s="1089"/>
      <c r="R25" s="1089"/>
      <c r="S25" s="1089"/>
      <c r="T25" s="1089"/>
      <c r="U25" s="1089"/>
      <c r="V25" s="1089"/>
      <c r="W25" s="1089"/>
      <c r="X25" s="1089"/>
      <c r="Y25" s="1089"/>
      <c r="Z25" s="1089"/>
      <c r="AA25" s="1089"/>
      <c r="AB25" s="1089"/>
      <c r="AC25" s="1089"/>
      <c r="AD25" s="1089"/>
      <c r="AE25" s="1089"/>
      <c r="AF25" s="1089"/>
      <c r="AG25" s="1089"/>
      <c r="AH25" s="1089"/>
      <c r="AI25" s="1089"/>
      <c r="AJ25" s="1089"/>
      <c r="AK25" s="1089"/>
      <c r="AL25" s="1089"/>
      <c r="AM25" s="1089"/>
      <c r="AN25" s="1089"/>
      <c r="AO25" s="1089"/>
      <c r="AP25" s="1089"/>
      <c r="AQ25" s="1089"/>
      <c r="AR25" s="1089"/>
      <c r="AS25" s="1090"/>
      <c r="AT25" s="498"/>
      <c r="AU25" s="1016"/>
    </row>
    <row r="26" spans="2:47" ht="27" customHeight="1" x14ac:dyDescent="0.2">
      <c r="B26" s="1016"/>
      <c r="C26" s="498"/>
      <c r="D26" s="1081"/>
      <c r="E26" s="1060" t="s">
        <v>217</v>
      </c>
      <c r="F26" s="1060"/>
      <c r="G26" s="1060"/>
      <c r="H26" s="1060"/>
      <c r="I26" s="1060"/>
      <c r="J26" s="1060"/>
      <c r="K26" s="1060"/>
      <c r="L26" s="1060"/>
      <c r="M26" s="1060"/>
      <c r="N26" s="1091" t="s">
        <v>3</v>
      </c>
      <c r="O26" s="1091"/>
      <c r="P26" s="1091"/>
      <c r="Q26" s="1091"/>
      <c r="R26" s="1091"/>
      <c r="S26" s="1091"/>
      <c r="T26" s="1091"/>
      <c r="U26" s="1091"/>
      <c r="V26" s="1091"/>
      <c r="W26" s="1091"/>
      <c r="X26" s="1091"/>
      <c r="Y26" s="1091"/>
      <c r="Z26" s="1091"/>
      <c r="AA26" s="1091"/>
      <c r="AB26" s="1091"/>
      <c r="AC26" s="1092"/>
      <c r="AD26" s="1092"/>
      <c r="AE26" s="1092"/>
      <c r="AF26" s="1092"/>
      <c r="AG26" s="1092"/>
      <c r="AH26" s="1092"/>
      <c r="AI26" s="1092"/>
      <c r="AJ26" s="1092"/>
      <c r="AK26" s="1092"/>
      <c r="AL26" s="1092"/>
      <c r="AM26" s="1092"/>
      <c r="AN26" s="1092"/>
      <c r="AO26" s="1092"/>
      <c r="AP26" s="1092"/>
      <c r="AQ26" s="1092"/>
      <c r="AR26" s="1092"/>
      <c r="AS26" s="1093"/>
      <c r="AT26" s="498"/>
      <c r="AU26" s="1016"/>
    </row>
    <row r="27" spans="2:47" ht="27" customHeight="1" x14ac:dyDescent="0.2">
      <c r="B27" s="1016"/>
      <c r="C27" s="498"/>
      <c r="D27" s="1081"/>
      <c r="E27" s="1060"/>
      <c r="F27" s="1060"/>
      <c r="G27" s="1060"/>
      <c r="H27" s="1060"/>
      <c r="I27" s="1060"/>
      <c r="J27" s="1060"/>
      <c r="K27" s="1060"/>
      <c r="L27" s="1060"/>
      <c r="M27" s="1060"/>
      <c r="N27" s="1094"/>
      <c r="O27" s="1094"/>
      <c r="P27" s="1094"/>
      <c r="Q27" s="1094"/>
      <c r="R27" s="1094"/>
      <c r="S27" s="1094"/>
      <c r="T27" s="1094"/>
      <c r="U27" s="1094"/>
      <c r="V27" s="1094"/>
      <c r="W27" s="1094"/>
      <c r="X27" s="1094"/>
      <c r="Y27" s="1094"/>
      <c r="Z27" s="1094"/>
      <c r="AA27" s="1094"/>
      <c r="AB27" s="1094"/>
      <c r="AC27" s="1094"/>
      <c r="AD27" s="1094"/>
      <c r="AE27" s="1094"/>
      <c r="AF27" s="1094"/>
      <c r="AG27" s="1094"/>
      <c r="AH27" s="1094"/>
      <c r="AI27" s="1094"/>
      <c r="AJ27" s="1094"/>
      <c r="AK27" s="1094"/>
      <c r="AL27" s="1094"/>
      <c r="AM27" s="1094"/>
      <c r="AN27" s="1094"/>
      <c r="AO27" s="1094"/>
      <c r="AP27" s="1094"/>
      <c r="AQ27" s="1094"/>
      <c r="AR27" s="1094"/>
      <c r="AS27" s="1095"/>
      <c r="AT27" s="498"/>
      <c r="AU27" s="1016"/>
    </row>
    <row r="28" spans="2:47" ht="27" customHeight="1" x14ac:dyDescent="0.2">
      <c r="B28" s="1016"/>
      <c r="C28" s="498"/>
      <c r="D28" s="1081"/>
      <c r="E28" s="1060" t="s">
        <v>218</v>
      </c>
      <c r="F28" s="1060"/>
      <c r="G28" s="1060"/>
      <c r="H28" s="1060"/>
      <c r="I28" s="1060"/>
      <c r="J28" s="1060"/>
      <c r="K28" s="1060"/>
      <c r="L28" s="1060"/>
      <c r="M28" s="1060"/>
      <c r="N28" s="1060"/>
      <c r="O28" s="1060"/>
      <c r="P28" s="1060"/>
      <c r="Q28" s="1060"/>
      <c r="R28" s="1060"/>
      <c r="S28" s="1060"/>
      <c r="T28" s="1060"/>
      <c r="U28" s="1060"/>
      <c r="V28" s="1060"/>
      <c r="W28" s="1060"/>
      <c r="X28" s="1060"/>
      <c r="Y28" s="1060"/>
      <c r="Z28" s="1060"/>
      <c r="AA28" s="1060"/>
      <c r="AB28" s="1060"/>
      <c r="AC28" s="1060"/>
      <c r="AD28" s="1060"/>
      <c r="AE28" s="1060"/>
      <c r="AF28" s="1060"/>
      <c r="AG28" s="1060"/>
      <c r="AH28" s="1060"/>
      <c r="AI28" s="1060"/>
      <c r="AJ28" s="1060"/>
      <c r="AK28" s="1060"/>
      <c r="AL28" s="1060"/>
      <c r="AM28" s="1060"/>
      <c r="AN28" s="1060"/>
      <c r="AO28" s="1060"/>
      <c r="AP28" s="1060"/>
      <c r="AQ28" s="1060"/>
      <c r="AR28" s="1060"/>
      <c r="AS28" s="1096"/>
      <c r="AT28" s="498"/>
      <c r="AU28" s="1016"/>
    </row>
    <row r="29" spans="2:47" ht="27" customHeight="1" x14ac:dyDescent="0.2">
      <c r="B29" s="1016"/>
      <c r="C29" s="498"/>
      <c r="D29" s="1081"/>
      <c r="E29" s="1060" t="s">
        <v>219</v>
      </c>
      <c r="F29" s="1060"/>
      <c r="G29" s="1060"/>
      <c r="H29" s="1060"/>
      <c r="I29" s="1060"/>
      <c r="J29" s="1060"/>
      <c r="K29" s="1061" t="s">
        <v>34</v>
      </c>
      <c r="L29" s="1061"/>
      <c r="M29" s="1061"/>
      <c r="N29" s="1061"/>
      <c r="O29" s="1061"/>
      <c r="P29" s="1061"/>
      <c r="Q29" s="1061"/>
      <c r="R29" s="1061"/>
      <c r="S29" s="1061"/>
      <c r="T29" s="1061"/>
      <c r="U29" s="1061"/>
      <c r="V29" s="1061"/>
      <c r="W29" s="1061"/>
      <c r="X29" s="1061"/>
      <c r="Y29" s="1061"/>
      <c r="Z29" s="1061"/>
      <c r="AA29" s="1061"/>
      <c r="AB29" s="1061"/>
      <c r="AC29" s="1061"/>
      <c r="AD29" s="1061"/>
      <c r="AE29" s="1061"/>
      <c r="AF29" s="1061"/>
      <c r="AG29" s="1061"/>
      <c r="AH29" s="1061"/>
      <c r="AI29" s="1061"/>
      <c r="AJ29" s="1061"/>
      <c r="AK29" s="1061"/>
      <c r="AL29" s="1061"/>
      <c r="AM29" s="1061"/>
      <c r="AN29" s="1061"/>
      <c r="AO29" s="1061"/>
      <c r="AP29" s="1061"/>
      <c r="AQ29" s="1061"/>
      <c r="AR29" s="1061"/>
      <c r="AS29" s="1062"/>
      <c r="AT29" s="498"/>
      <c r="AU29" s="1016"/>
    </row>
    <row r="30" spans="2:47" ht="27" customHeight="1" thickBot="1" x14ac:dyDescent="0.25">
      <c r="B30" s="1016"/>
      <c r="C30" s="498"/>
      <c r="D30" s="1082"/>
      <c r="E30" s="1063" t="s">
        <v>33</v>
      </c>
      <c r="F30" s="1063"/>
      <c r="G30" s="1063"/>
      <c r="H30" s="1063"/>
      <c r="I30" s="1063"/>
      <c r="J30" s="1063"/>
      <c r="K30" s="1064" t="s">
        <v>220</v>
      </c>
      <c r="L30" s="1064"/>
      <c r="M30" s="1064"/>
      <c r="N30" s="1064"/>
      <c r="O30" s="1064"/>
      <c r="P30" s="1064"/>
      <c r="Q30" s="1064"/>
      <c r="R30" s="1064"/>
      <c r="S30" s="1064"/>
      <c r="T30" s="1064"/>
      <c r="U30" s="1064"/>
      <c r="V30" s="1064"/>
      <c r="W30" s="1064"/>
      <c r="X30" s="1064"/>
      <c r="Y30" s="1064"/>
      <c r="Z30" s="1064"/>
      <c r="AA30" s="1064"/>
      <c r="AB30" s="1064"/>
      <c r="AC30" s="1064"/>
      <c r="AD30" s="1064"/>
      <c r="AE30" s="1064"/>
      <c r="AF30" s="1064"/>
      <c r="AG30" s="1064"/>
      <c r="AH30" s="1064"/>
      <c r="AI30" s="1064"/>
      <c r="AJ30" s="1064"/>
      <c r="AK30" s="1064"/>
      <c r="AL30" s="1064"/>
      <c r="AM30" s="1064"/>
      <c r="AN30" s="1064"/>
      <c r="AO30" s="1064"/>
      <c r="AP30" s="1064"/>
      <c r="AQ30" s="1064"/>
      <c r="AR30" s="1064"/>
      <c r="AS30" s="1065"/>
      <c r="AT30" s="498"/>
      <c r="AU30" s="1016"/>
    </row>
    <row r="31" spans="2:47" ht="27" customHeight="1" x14ac:dyDescent="0.2">
      <c r="B31" s="1016"/>
      <c r="C31" s="498"/>
      <c r="D31" s="1066" t="s">
        <v>177</v>
      </c>
      <c r="E31" s="1069" t="s">
        <v>4</v>
      </c>
      <c r="F31" s="1069"/>
      <c r="G31" s="1069"/>
      <c r="H31" s="1069"/>
      <c r="I31" s="1069"/>
      <c r="J31" s="1069"/>
      <c r="K31" s="1069"/>
      <c r="L31" s="1069"/>
      <c r="M31" s="1069"/>
      <c r="N31" s="1069"/>
      <c r="O31" s="1069"/>
      <c r="P31" s="1069"/>
      <c r="Q31" s="1070" t="s">
        <v>2</v>
      </c>
      <c r="R31" s="1071"/>
      <c r="S31" s="1071"/>
      <c r="T31" s="1071"/>
      <c r="U31" s="1071"/>
      <c r="V31" s="1071"/>
      <c r="W31" s="1071"/>
      <c r="X31" s="1071"/>
      <c r="Y31" s="1071"/>
      <c r="Z31" s="1071"/>
      <c r="AA31" s="1071"/>
      <c r="AB31" s="1071"/>
      <c r="AC31" s="1071"/>
      <c r="AD31" s="1071"/>
      <c r="AE31" s="1071"/>
      <c r="AF31" s="1072"/>
      <c r="AG31" s="1070" t="s">
        <v>55</v>
      </c>
      <c r="AH31" s="1071"/>
      <c r="AI31" s="1071"/>
      <c r="AJ31" s="1071"/>
      <c r="AK31" s="1071"/>
      <c r="AL31" s="1071"/>
      <c r="AM31" s="1071"/>
      <c r="AN31" s="1071"/>
      <c r="AO31" s="1071"/>
      <c r="AP31" s="1071"/>
      <c r="AQ31" s="1071"/>
      <c r="AR31" s="1071"/>
      <c r="AS31" s="1073"/>
      <c r="AT31" s="498"/>
      <c r="AU31" s="1016"/>
    </row>
    <row r="32" spans="2:47" ht="27" customHeight="1" x14ac:dyDescent="0.2">
      <c r="B32" s="1016"/>
      <c r="C32" s="498"/>
      <c r="D32" s="1067"/>
      <c r="E32" s="1074" t="s">
        <v>5</v>
      </c>
      <c r="F32" s="1075"/>
      <c r="G32" s="1075"/>
      <c r="H32" s="1075"/>
      <c r="I32" s="1075"/>
      <c r="J32" s="1075"/>
      <c r="K32" s="1075"/>
      <c r="L32" s="1075"/>
      <c r="M32" s="1075"/>
      <c r="N32" s="1076"/>
      <c r="O32" s="1076"/>
      <c r="P32" s="1076"/>
      <c r="Q32" s="1076"/>
      <c r="R32" s="1076"/>
      <c r="S32" s="1076"/>
      <c r="T32" s="1077"/>
      <c r="U32" s="1077"/>
      <c r="V32" s="1077"/>
      <c r="W32" s="1077"/>
      <c r="X32" s="1077"/>
      <c r="Y32" s="1077"/>
      <c r="Z32" s="1077"/>
      <c r="AA32" s="1077"/>
      <c r="AB32" s="1077"/>
      <c r="AC32" s="1078" t="s">
        <v>54</v>
      </c>
      <c r="AD32" s="1078"/>
      <c r="AE32" s="1078"/>
      <c r="AF32" s="1078"/>
      <c r="AG32" s="1078"/>
      <c r="AH32" s="1078"/>
      <c r="AI32" s="1078"/>
      <c r="AJ32" s="1078"/>
      <c r="AK32" s="1078"/>
      <c r="AL32" s="1078"/>
      <c r="AM32" s="1078"/>
      <c r="AN32" s="1078"/>
      <c r="AO32" s="1078"/>
      <c r="AP32" s="1078"/>
      <c r="AQ32" s="1078"/>
      <c r="AR32" s="1078"/>
      <c r="AS32" s="1079"/>
      <c r="AT32" s="498"/>
      <c r="AU32" s="1016"/>
    </row>
    <row r="33" spans="2:47" ht="27" customHeight="1" x14ac:dyDescent="0.2">
      <c r="B33" s="1016"/>
      <c r="C33" s="498"/>
      <c r="D33" s="1067"/>
      <c r="E33" s="1115" t="s">
        <v>35</v>
      </c>
      <c r="F33" s="1115"/>
      <c r="G33" s="1115"/>
      <c r="H33" s="1115"/>
      <c r="I33" s="1115"/>
      <c r="J33" s="1115"/>
      <c r="K33" s="1115"/>
      <c r="L33" s="1115"/>
      <c r="M33" s="1115"/>
      <c r="N33" s="1116" t="s">
        <v>3</v>
      </c>
      <c r="O33" s="1116"/>
      <c r="P33" s="1116"/>
      <c r="Q33" s="1116"/>
      <c r="R33" s="1116"/>
      <c r="S33" s="1116"/>
      <c r="T33" s="1116"/>
      <c r="U33" s="1116"/>
      <c r="V33" s="1116"/>
      <c r="W33" s="1116"/>
      <c r="X33" s="1116"/>
      <c r="Y33" s="1116"/>
      <c r="Z33" s="1116"/>
      <c r="AA33" s="1116"/>
      <c r="AB33" s="1116"/>
      <c r="AC33" s="1117"/>
      <c r="AD33" s="1117"/>
      <c r="AE33" s="1117"/>
      <c r="AF33" s="1117"/>
      <c r="AG33" s="1117"/>
      <c r="AH33" s="1117"/>
      <c r="AI33" s="1117"/>
      <c r="AJ33" s="1117"/>
      <c r="AK33" s="1117"/>
      <c r="AL33" s="1117"/>
      <c r="AM33" s="1117"/>
      <c r="AN33" s="1117"/>
      <c r="AO33" s="1117"/>
      <c r="AP33" s="1117"/>
      <c r="AQ33" s="1117"/>
      <c r="AR33" s="1117"/>
      <c r="AS33" s="1118"/>
      <c r="AT33" s="498"/>
      <c r="AU33" s="1016"/>
    </row>
    <row r="34" spans="2:47" ht="27" customHeight="1" x14ac:dyDescent="0.2">
      <c r="B34" s="1016"/>
      <c r="C34" s="498"/>
      <c r="D34" s="1067"/>
      <c r="E34" s="1115"/>
      <c r="F34" s="1115"/>
      <c r="G34" s="1115"/>
      <c r="H34" s="1115"/>
      <c r="I34" s="1115"/>
      <c r="J34" s="1115"/>
      <c r="K34" s="1115"/>
      <c r="L34" s="1115"/>
      <c r="M34" s="1115"/>
      <c r="N34" s="1119"/>
      <c r="O34" s="1119"/>
      <c r="P34" s="1119"/>
      <c r="Q34" s="1119"/>
      <c r="R34" s="1119"/>
      <c r="S34" s="1119"/>
      <c r="T34" s="1119"/>
      <c r="U34" s="1119"/>
      <c r="V34" s="1119"/>
      <c r="W34" s="1119"/>
      <c r="X34" s="1119"/>
      <c r="Y34" s="1119"/>
      <c r="Z34" s="1119"/>
      <c r="AA34" s="1119"/>
      <c r="AB34" s="1119"/>
      <c r="AC34" s="1119"/>
      <c r="AD34" s="1119"/>
      <c r="AE34" s="1119"/>
      <c r="AF34" s="1119"/>
      <c r="AG34" s="1119"/>
      <c r="AH34" s="1119"/>
      <c r="AI34" s="1119"/>
      <c r="AJ34" s="1119"/>
      <c r="AK34" s="1119"/>
      <c r="AL34" s="1119"/>
      <c r="AM34" s="1119"/>
      <c r="AN34" s="1119"/>
      <c r="AO34" s="1119"/>
      <c r="AP34" s="1119"/>
      <c r="AQ34" s="1119"/>
      <c r="AR34" s="1119"/>
      <c r="AS34" s="1120"/>
      <c r="AT34" s="498"/>
      <c r="AU34" s="1016"/>
    </row>
    <row r="35" spans="2:47" ht="27" customHeight="1" x14ac:dyDescent="0.2">
      <c r="B35" s="1016"/>
      <c r="C35" s="498"/>
      <c r="D35" s="1067"/>
      <c r="E35" s="1078" t="s">
        <v>157</v>
      </c>
      <c r="F35" s="1078"/>
      <c r="G35" s="1078"/>
      <c r="H35" s="1078"/>
      <c r="I35" s="1078"/>
      <c r="J35" s="1078"/>
      <c r="K35" s="1078"/>
      <c r="L35" s="1078"/>
      <c r="M35" s="1078"/>
      <c r="N35" s="1115"/>
      <c r="O35" s="1115"/>
      <c r="P35" s="1115"/>
      <c r="Q35" s="1115"/>
      <c r="R35" s="1115"/>
      <c r="S35" s="1115"/>
      <c r="T35" s="1115"/>
      <c r="U35" s="1115"/>
      <c r="V35" s="1115"/>
      <c r="W35" s="1115"/>
      <c r="X35" s="1115"/>
      <c r="Y35" s="1115"/>
      <c r="Z35" s="1115"/>
      <c r="AA35" s="1115"/>
      <c r="AB35" s="1115"/>
      <c r="AC35" s="1115"/>
      <c r="AD35" s="1115"/>
      <c r="AE35" s="1115"/>
      <c r="AF35" s="1115"/>
      <c r="AG35" s="1115"/>
      <c r="AH35" s="1115"/>
      <c r="AI35" s="1115"/>
      <c r="AJ35" s="1115"/>
      <c r="AK35" s="1115"/>
      <c r="AL35" s="1115"/>
      <c r="AM35" s="1115"/>
      <c r="AN35" s="1115"/>
      <c r="AO35" s="1115"/>
      <c r="AP35" s="1115"/>
      <c r="AQ35" s="1115"/>
      <c r="AR35" s="1115"/>
      <c r="AS35" s="1121"/>
      <c r="AT35" s="498"/>
      <c r="AU35" s="1016"/>
    </row>
    <row r="36" spans="2:47" ht="27" customHeight="1" x14ac:dyDescent="0.2">
      <c r="B36" s="1016"/>
      <c r="C36" s="498"/>
      <c r="D36" s="1067"/>
      <c r="E36" s="1115" t="s">
        <v>178</v>
      </c>
      <c r="F36" s="1115"/>
      <c r="G36" s="1115"/>
      <c r="H36" s="1115"/>
      <c r="I36" s="1115"/>
      <c r="J36" s="1115"/>
      <c r="K36" s="1078" t="s">
        <v>34</v>
      </c>
      <c r="L36" s="1078"/>
      <c r="M36" s="1078"/>
      <c r="N36" s="1078"/>
      <c r="O36" s="1078"/>
      <c r="P36" s="1078"/>
      <c r="Q36" s="1078"/>
      <c r="R36" s="1078"/>
      <c r="S36" s="1078"/>
      <c r="T36" s="1078"/>
      <c r="U36" s="1078"/>
      <c r="V36" s="1078"/>
      <c r="W36" s="1078"/>
      <c r="X36" s="1078"/>
      <c r="Y36" s="1078"/>
      <c r="Z36" s="1078"/>
      <c r="AA36" s="1078"/>
      <c r="AB36" s="1078"/>
      <c r="AC36" s="1078"/>
      <c r="AD36" s="1078"/>
      <c r="AE36" s="1078"/>
      <c r="AF36" s="1078"/>
      <c r="AG36" s="1078"/>
      <c r="AH36" s="1078"/>
      <c r="AI36" s="1078"/>
      <c r="AJ36" s="1078"/>
      <c r="AK36" s="1078"/>
      <c r="AL36" s="1078"/>
      <c r="AM36" s="1078"/>
      <c r="AN36" s="1078"/>
      <c r="AO36" s="1078"/>
      <c r="AP36" s="1078"/>
      <c r="AQ36" s="1078"/>
      <c r="AR36" s="1078"/>
      <c r="AS36" s="1079"/>
      <c r="AT36" s="498"/>
      <c r="AU36" s="1016"/>
    </row>
    <row r="37" spans="2:47" ht="27" customHeight="1" thickBot="1" x14ac:dyDescent="0.25">
      <c r="B37" s="1016"/>
      <c r="C37" s="498"/>
      <c r="D37" s="1068"/>
      <c r="E37" s="1128" t="s">
        <v>33</v>
      </c>
      <c r="F37" s="1128"/>
      <c r="G37" s="1128"/>
      <c r="H37" s="1128"/>
      <c r="I37" s="1128"/>
      <c r="J37" s="1128"/>
      <c r="K37" s="1129" t="s">
        <v>88</v>
      </c>
      <c r="L37" s="1129"/>
      <c r="M37" s="1129"/>
      <c r="N37" s="1129"/>
      <c r="O37" s="1129"/>
      <c r="P37" s="1129"/>
      <c r="Q37" s="1129"/>
      <c r="R37" s="1129"/>
      <c r="S37" s="1129"/>
      <c r="T37" s="1129"/>
      <c r="U37" s="1129"/>
      <c r="V37" s="1129"/>
      <c r="W37" s="1129"/>
      <c r="X37" s="1129"/>
      <c r="Y37" s="1129"/>
      <c r="Z37" s="1129"/>
      <c r="AA37" s="1129"/>
      <c r="AB37" s="1129"/>
      <c r="AC37" s="1129"/>
      <c r="AD37" s="1129"/>
      <c r="AE37" s="1129"/>
      <c r="AF37" s="1129"/>
      <c r="AG37" s="1129"/>
      <c r="AH37" s="1129"/>
      <c r="AI37" s="1129"/>
      <c r="AJ37" s="1129"/>
      <c r="AK37" s="1129"/>
      <c r="AL37" s="1129"/>
      <c r="AM37" s="1129"/>
      <c r="AN37" s="1129"/>
      <c r="AO37" s="1129"/>
      <c r="AP37" s="1129"/>
      <c r="AQ37" s="1129"/>
      <c r="AR37" s="1129"/>
      <c r="AS37" s="1130"/>
      <c r="AT37" s="498"/>
      <c r="AU37" s="1016"/>
    </row>
    <row r="38" spans="2:47" ht="27" customHeight="1" x14ac:dyDescent="0.2">
      <c r="B38" s="1016"/>
      <c r="C38" s="498"/>
      <c r="D38" s="1097" t="s">
        <v>140</v>
      </c>
      <c r="E38" s="1100" t="s">
        <v>4</v>
      </c>
      <c r="F38" s="1100"/>
      <c r="G38" s="1100"/>
      <c r="H38" s="1100"/>
      <c r="I38" s="1100"/>
      <c r="J38" s="1100"/>
      <c r="K38" s="1100"/>
      <c r="L38" s="1100"/>
      <c r="M38" s="1100"/>
      <c r="N38" s="1100"/>
      <c r="O38" s="1100"/>
      <c r="P38" s="1100"/>
      <c r="Q38" s="1101" t="s">
        <v>2</v>
      </c>
      <c r="R38" s="1102"/>
      <c r="S38" s="1102"/>
      <c r="T38" s="1102"/>
      <c r="U38" s="1102"/>
      <c r="V38" s="1102"/>
      <c r="W38" s="1102"/>
      <c r="X38" s="1102"/>
      <c r="Y38" s="1102"/>
      <c r="Z38" s="1102"/>
      <c r="AA38" s="1102"/>
      <c r="AB38" s="1102"/>
      <c r="AC38" s="1102"/>
      <c r="AD38" s="1102"/>
      <c r="AE38" s="1102"/>
      <c r="AF38" s="1103"/>
      <c r="AG38" s="1101" t="s">
        <v>55</v>
      </c>
      <c r="AH38" s="1102"/>
      <c r="AI38" s="1102"/>
      <c r="AJ38" s="1102"/>
      <c r="AK38" s="1102"/>
      <c r="AL38" s="1102"/>
      <c r="AM38" s="1102"/>
      <c r="AN38" s="1102"/>
      <c r="AO38" s="1102"/>
      <c r="AP38" s="1102"/>
      <c r="AQ38" s="1102"/>
      <c r="AR38" s="1102"/>
      <c r="AS38" s="1104"/>
      <c r="AT38" s="498"/>
      <c r="AU38" s="1016"/>
    </row>
    <row r="39" spans="2:47" ht="27" customHeight="1" x14ac:dyDescent="0.2">
      <c r="B39" s="1016"/>
      <c r="C39" s="498"/>
      <c r="D39" s="1098"/>
      <c r="E39" s="1105" t="s">
        <v>5</v>
      </c>
      <c r="F39" s="1106"/>
      <c r="G39" s="1106"/>
      <c r="H39" s="1106"/>
      <c r="I39" s="1106"/>
      <c r="J39" s="1106"/>
      <c r="K39" s="1106"/>
      <c r="L39" s="1106"/>
      <c r="M39" s="1106"/>
      <c r="N39" s="1107"/>
      <c r="O39" s="1107"/>
      <c r="P39" s="1107"/>
      <c r="Q39" s="1107"/>
      <c r="R39" s="1107"/>
      <c r="S39" s="1107"/>
      <c r="T39" s="1108"/>
      <c r="U39" s="1108"/>
      <c r="V39" s="1108"/>
      <c r="W39" s="1108"/>
      <c r="X39" s="1108"/>
      <c r="Y39" s="1108"/>
      <c r="Z39" s="1108"/>
      <c r="AA39" s="1108"/>
      <c r="AB39" s="1108"/>
      <c r="AC39" s="1109" t="s">
        <v>54</v>
      </c>
      <c r="AD39" s="1109"/>
      <c r="AE39" s="1109"/>
      <c r="AF39" s="1109"/>
      <c r="AG39" s="1109"/>
      <c r="AH39" s="1109"/>
      <c r="AI39" s="1109"/>
      <c r="AJ39" s="1109"/>
      <c r="AK39" s="1109"/>
      <c r="AL39" s="1109"/>
      <c r="AM39" s="1109"/>
      <c r="AN39" s="1109"/>
      <c r="AO39" s="1109"/>
      <c r="AP39" s="1109"/>
      <c r="AQ39" s="1109"/>
      <c r="AR39" s="1109"/>
      <c r="AS39" s="1110"/>
      <c r="AT39" s="498"/>
      <c r="AU39" s="1016"/>
    </row>
    <row r="40" spans="2:47" ht="27" customHeight="1" x14ac:dyDescent="0.2">
      <c r="B40" s="1016"/>
      <c r="C40" s="498"/>
      <c r="D40" s="1098"/>
      <c r="E40" s="1111" t="s">
        <v>158</v>
      </c>
      <c r="F40" s="1111"/>
      <c r="G40" s="1111"/>
      <c r="H40" s="1111"/>
      <c r="I40" s="1111"/>
      <c r="J40" s="1111"/>
      <c r="K40" s="1111"/>
      <c r="L40" s="1111"/>
      <c r="M40" s="1111"/>
      <c r="N40" s="1112" t="s">
        <v>3</v>
      </c>
      <c r="O40" s="1112"/>
      <c r="P40" s="1112"/>
      <c r="Q40" s="1112"/>
      <c r="R40" s="1112"/>
      <c r="S40" s="1112"/>
      <c r="T40" s="1112"/>
      <c r="U40" s="1112"/>
      <c r="V40" s="1112"/>
      <c r="W40" s="1112"/>
      <c r="X40" s="1112"/>
      <c r="Y40" s="1112"/>
      <c r="Z40" s="1112"/>
      <c r="AA40" s="1112"/>
      <c r="AB40" s="1112"/>
      <c r="AC40" s="1113"/>
      <c r="AD40" s="1113"/>
      <c r="AE40" s="1113"/>
      <c r="AF40" s="1113"/>
      <c r="AG40" s="1113"/>
      <c r="AH40" s="1113"/>
      <c r="AI40" s="1113"/>
      <c r="AJ40" s="1113"/>
      <c r="AK40" s="1113"/>
      <c r="AL40" s="1113"/>
      <c r="AM40" s="1113"/>
      <c r="AN40" s="1113"/>
      <c r="AO40" s="1113"/>
      <c r="AP40" s="1113"/>
      <c r="AQ40" s="1113"/>
      <c r="AR40" s="1113"/>
      <c r="AS40" s="1114"/>
      <c r="AT40" s="498"/>
      <c r="AU40" s="1016"/>
    </row>
    <row r="41" spans="2:47" ht="27" customHeight="1" x14ac:dyDescent="0.2">
      <c r="B41" s="1016"/>
      <c r="C41" s="498"/>
      <c r="D41" s="1098"/>
      <c r="E41" s="1111"/>
      <c r="F41" s="1111"/>
      <c r="G41" s="1111"/>
      <c r="H41" s="1111"/>
      <c r="I41" s="1111"/>
      <c r="J41" s="1111"/>
      <c r="K41" s="1111"/>
      <c r="L41" s="1111"/>
      <c r="M41" s="1111"/>
      <c r="N41" s="1122"/>
      <c r="O41" s="1122"/>
      <c r="P41" s="1122"/>
      <c r="Q41" s="1122"/>
      <c r="R41" s="1122"/>
      <c r="S41" s="1122"/>
      <c r="T41" s="1122"/>
      <c r="U41" s="1122"/>
      <c r="V41" s="1122"/>
      <c r="W41" s="1122"/>
      <c r="X41" s="1122"/>
      <c r="Y41" s="1122"/>
      <c r="Z41" s="1122"/>
      <c r="AA41" s="1122"/>
      <c r="AB41" s="1122"/>
      <c r="AC41" s="1122"/>
      <c r="AD41" s="1122"/>
      <c r="AE41" s="1122"/>
      <c r="AF41" s="1122"/>
      <c r="AG41" s="1122"/>
      <c r="AH41" s="1122"/>
      <c r="AI41" s="1122"/>
      <c r="AJ41" s="1122"/>
      <c r="AK41" s="1122"/>
      <c r="AL41" s="1122"/>
      <c r="AM41" s="1122"/>
      <c r="AN41" s="1122"/>
      <c r="AO41" s="1122"/>
      <c r="AP41" s="1122"/>
      <c r="AQ41" s="1122"/>
      <c r="AR41" s="1122"/>
      <c r="AS41" s="1123"/>
      <c r="AT41" s="498"/>
      <c r="AU41" s="1016"/>
    </row>
    <row r="42" spans="2:47" ht="27" customHeight="1" x14ac:dyDescent="0.2">
      <c r="B42" s="1016"/>
      <c r="C42" s="498"/>
      <c r="D42" s="1098"/>
      <c r="E42" s="1111" t="s">
        <v>116</v>
      </c>
      <c r="F42" s="1111"/>
      <c r="G42" s="1111"/>
      <c r="H42" s="1111"/>
      <c r="I42" s="1111"/>
      <c r="J42" s="1111"/>
      <c r="K42" s="1111"/>
      <c r="L42" s="1111"/>
      <c r="M42" s="1111"/>
      <c r="N42" s="1111"/>
      <c r="O42" s="1111"/>
      <c r="P42" s="1111"/>
      <c r="Q42" s="1111"/>
      <c r="R42" s="1111"/>
      <c r="S42" s="1111"/>
      <c r="T42" s="1111"/>
      <c r="U42" s="1111"/>
      <c r="V42" s="1111"/>
      <c r="W42" s="1111"/>
      <c r="X42" s="1111"/>
      <c r="Y42" s="1111"/>
      <c r="Z42" s="1111"/>
      <c r="AA42" s="1111"/>
      <c r="AB42" s="1111"/>
      <c r="AC42" s="1111"/>
      <c r="AD42" s="1111"/>
      <c r="AE42" s="1111"/>
      <c r="AF42" s="1111"/>
      <c r="AG42" s="1111"/>
      <c r="AH42" s="1111"/>
      <c r="AI42" s="1111"/>
      <c r="AJ42" s="1111"/>
      <c r="AK42" s="1111"/>
      <c r="AL42" s="1111"/>
      <c r="AM42" s="1111"/>
      <c r="AN42" s="1111"/>
      <c r="AO42" s="1111"/>
      <c r="AP42" s="1111"/>
      <c r="AQ42" s="1111"/>
      <c r="AR42" s="1111"/>
      <c r="AS42" s="1124"/>
      <c r="AT42" s="498"/>
      <c r="AU42" s="1016"/>
    </row>
    <row r="43" spans="2:47" ht="27" customHeight="1" x14ac:dyDescent="0.2">
      <c r="B43" s="1016"/>
      <c r="C43" s="498"/>
      <c r="D43" s="1098"/>
      <c r="E43" s="1111" t="s">
        <v>56</v>
      </c>
      <c r="F43" s="1111"/>
      <c r="G43" s="1111"/>
      <c r="H43" s="1111"/>
      <c r="I43" s="1111"/>
      <c r="J43" s="1111"/>
      <c r="K43" s="1109" t="s">
        <v>34</v>
      </c>
      <c r="L43" s="1109"/>
      <c r="M43" s="1109"/>
      <c r="N43" s="1109"/>
      <c r="O43" s="1109"/>
      <c r="P43" s="1109"/>
      <c r="Q43" s="1109"/>
      <c r="R43" s="1109"/>
      <c r="S43" s="1109"/>
      <c r="T43" s="1109"/>
      <c r="U43" s="1109"/>
      <c r="V43" s="1109"/>
      <c r="W43" s="1109"/>
      <c r="X43" s="1109"/>
      <c r="Y43" s="1109"/>
      <c r="Z43" s="1109"/>
      <c r="AA43" s="1109"/>
      <c r="AB43" s="1109"/>
      <c r="AC43" s="1109"/>
      <c r="AD43" s="1109"/>
      <c r="AE43" s="1109"/>
      <c r="AF43" s="1109"/>
      <c r="AG43" s="1109"/>
      <c r="AH43" s="1109"/>
      <c r="AI43" s="1109"/>
      <c r="AJ43" s="1109"/>
      <c r="AK43" s="1109"/>
      <c r="AL43" s="1109"/>
      <c r="AM43" s="1109"/>
      <c r="AN43" s="1109"/>
      <c r="AO43" s="1109"/>
      <c r="AP43" s="1109"/>
      <c r="AQ43" s="1109"/>
      <c r="AR43" s="1109"/>
      <c r="AS43" s="1110"/>
      <c r="AT43" s="498"/>
      <c r="AU43" s="1016"/>
    </row>
    <row r="44" spans="2:47" ht="27" customHeight="1" thickBot="1" x14ac:dyDescent="0.25">
      <c r="B44" s="1016"/>
      <c r="C44" s="498"/>
      <c r="D44" s="1099"/>
      <c r="E44" s="1125" t="s">
        <v>33</v>
      </c>
      <c r="F44" s="1125"/>
      <c r="G44" s="1125"/>
      <c r="H44" s="1125"/>
      <c r="I44" s="1125"/>
      <c r="J44" s="1125"/>
      <c r="K44" s="1126" t="s">
        <v>89</v>
      </c>
      <c r="L44" s="1126"/>
      <c r="M44" s="1126"/>
      <c r="N44" s="1126"/>
      <c r="O44" s="1126"/>
      <c r="P44" s="1126"/>
      <c r="Q44" s="1126"/>
      <c r="R44" s="1126"/>
      <c r="S44" s="1126"/>
      <c r="T44" s="1126"/>
      <c r="U44" s="1126"/>
      <c r="V44" s="1126"/>
      <c r="W44" s="1126"/>
      <c r="X44" s="1126"/>
      <c r="Y44" s="1126"/>
      <c r="Z44" s="1126"/>
      <c r="AA44" s="1126"/>
      <c r="AB44" s="1126"/>
      <c r="AC44" s="1126"/>
      <c r="AD44" s="1126"/>
      <c r="AE44" s="1126"/>
      <c r="AF44" s="1126"/>
      <c r="AG44" s="1126"/>
      <c r="AH44" s="1126"/>
      <c r="AI44" s="1126"/>
      <c r="AJ44" s="1126"/>
      <c r="AK44" s="1126"/>
      <c r="AL44" s="1126"/>
      <c r="AM44" s="1126"/>
      <c r="AN44" s="1126"/>
      <c r="AO44" s="1126"/>
      <c r="AP44" s="1126"/>
      <c r="AQ44" s="1126"/>
      <c r="AR44" s="1126"/>
      <c r="AS44" s="1127"/>
      <c r="AT44" s="498"/>
      <c r="AU44" s="1016"/>
    </row>
    <row r="45" spans="2:47" ht="9.75" customHeight="1" thickBot="1" x14ac:dyDescent="0.25">
      <c r="B45" s="1016"/>
      <c r="C45" s="498"/>
      <c r="D45" s="523"/>
      <c r="E45" s="524"/>
      <c r="F45" s="524"/>
      <c r="G45" s="524"/>
      <c r="H45" s="524"/>
      <c r="I45" s="524"/>
      <c r="J45" s="524"/>
      <c r="K45" s="524"/>
      <c r="L45" s="524"/>
      <c r="M45" s="524"/>
      <c r="N45" s="525"/>
      <c r="O45" s="525"/>
      <c r="P45" s="525"/>
      <c r="Q45" s="525"/>
      <c r="R45" s="526"/>
      <c r="S45" s="526"/>
      <c r="T45" s="516"/>
      <c r="U45" s="527"/>
      <c r="V45" s="527"/>
      <c r="W45" s="527"/>
      <c r="X45" s="527"/>
      <c r="Y45" s="527"/>
      <c r="Z45" s="527"/>
      <c r="AA45" s="528"/>
      <c r="AB45" s="527"/>
      <c r="AC45" s="527"/>
      <c r="AD45" s="527"/>
      <c r="AE45" s="527"/>
      <c r="AF45" s="527"/>
      <c r="AG45" s="527"/>
      <c r="AH45" s="527"/>
      <c r="AI45" s="527"/>
      <c r="AJ45" s="527"/>
      <c r="AK45" s="527"/>
      <c r="AL45" s="527"/>
      <c r="AM45" s="527"/>
      <c r="AN45" s="527"/>
      <c r="AO45" s="527"/>
      <c r="AP45" s="527"/>
      <c r="AQ45" s="527"/>
      <c r="AR45" s="527"/>
      <c r="AS45" s="527"/>
      <c r="AT45" s="498"/>
      <c r="AU45" s="1016"/>
    </row>
    <row r="46" spans="2:47" ht="22.5" customHeight="1" x14ac:dyDescent="0.2">
      <c r="B46" s="529"/>
      <c r="C46" s="530"/>
      <c r="D46" s="1131" t="s">
        <v>12</v>
      </c>
      <c r="E46" s="505" t="s">
        <v>4</v>
      </c>
      <c r="F46" s="505"/>
      <c r="G46" s="505"/>
      <c r="H46" s="505"/>
      <c r="I46" s="1046"/>
      <c r="J46" s="1046"/>
      <c r="K46" s="1046"/>
      <c r="L46" s="1046"/>
      <c r="M46" s="1046"/>
      <c r="N46" s="1046"/>
      <c r="O46" s="1046"/>
      <c r="P46" s="1046"/>
      <c r="Q46" s="1047"/>
      <c r="R46" s="506" t="s">
        <v>2</v>
      </c>
      <c r="S46" s="505"/>
      <c r="T46" s="505"/>
      <c r="U46" s="505"/>
      <c r="V46" s="1046"/>
      <c r="W46" s="1046"/>
      <c r="X46" s="1046"/>
      <c r="Y46" s="1046"/>
      <c r="Z46" s="1046"/>
      <c r="AA46" s="1046"/>
      <c r="AB46" s="1046"/>
      <c r="AC46" s="1046"/>
      <c r="AD46" s="1046"/>
      <c r="AE46" s="1047"/>
      <c r="AF46" s="506" t="s">
        <v>6</v>
      </c>
      <c r="AG46" s="505"/>
      <c r="AH46" s="505"/>
      <c r="AI46" s="505"/>
      <c r="AJ46" s="1046"/>
      <c r="AK46" s="1046"/>
      <c r="AL46" s="1046"/>
      <c r="AM46" s="1046"/>
      <c r="AN46" s="1046"/>
      <c r="AO46" s="1046"/>
      <c r="AP46" s="1046"/>
      <c r="AQ46" s="1046"/>
      <c r="AR46" s="1046"/>
      <c r="AS46" s="1048"/>
      <c r="AT46" s="530"/>
      <c r="AU46" s="529"/>
    </row>
    <row r="47" spans="2:47" ht="22.5" customHeight="1" x14ac:dyDescent="0.2">
      <c r="B47" s="529"/>
      <c r="C47" s="530"/>
      <c r="D47" s="1132"/>
      <c r="E47" s="508" t="s">
        <v>61</v>
      </c>
      <c r="F47" s="508"/>
      <c r="G47" s="508"/>
      <c r="H47" s="508"/>
      <c r="I47" s="508"/>
      <c r="J47" s="508"/>
      <c r="K47" s="508"/>
      <c r="L47" s="1049"/>
      <c r="M47" s="1049"/>
      <c r="N47" s="1049"/>
      <c r="O47" s="1049"/>
      <c r="P47" s="1049"/>
      <c r="Q47" s="1049"/>
      <c r="R47" s="1049"/>
      <c r="S47" s="1049"/>
      <c r="T47" s="1049"/>
      <c r="U47" s="1049"/>
      <c r="V47" s="1049"/>
      <c r="W47" s="1049"/>
      <c r="X47" s="1049"/>
      <c r="Y47" s="1049"/>
      <c r="Z47" s="1049"/>
      <c r="AA47" s="1049"/>
      <c r="AB47" s="1049"/>
      <c r="AC47" s="1049"/>
      <c r="AD47" s="1049"/>
      <c r="AE47" s="1049"/>
      <c r="AF47" s="1049"/>
      <c r="AG47" s="1049"/>
      <c r="AH47" s="1049"/>
      <c r="AI47" s="1049"/>
      <c r="AJ47" s="1049"/>
      <c r="AK47" s="1049"/>
      <c r="AL47" s="1049"/>
      <c r="AM47" s="1049"/>
      <c r="AN47" s="1049"/>
      <c r="AO47" s="1049"/>
      <c r="AP47" s="1049"/>
      <c r="AQ47" s="1049"/>
      <c r="AR47" s="1049"/>
      <c r="AS47" s="1134"/>
      <c r="AT47" s="530"/>
      <c r="AU47" s="529"/>
    </row>
    <row r="48" spans="2:47" ht="24.75" customHeight="1" x14ac:dyDescent="0.2">
      <c r="B48" s="529"/>
      <c r="C48" s="530"/>
      <c r="D48" s="1132"/>
      <c r="E48" s="549" t="s">
        <v>223</v>
      </c>
      <c r="F48" s="511"/>
      <c r="G48" s="511"/>
      <c r="H48" s="511"/>
      <c r="I48" s="511"/>
      <c r="J48" s="511"/>
      <c r="K48" s="511"/>
      <c r="L48" s="511"/>
      <c r="M48" s="511"/>
      <c r="N48" s="511"/>
      <c r="O48" s="511"/>
      <c r="P48" s="511"/>
      <c r="Q48" s="511"/>
      <c r="R48" s="511"/>
      <c r="S48" s="511"/>
      <c r="T48" s="511"/>
      <c r="U48" s="511"/>
      <c r="V48" s="511"/>
      <c r="W48" s="511"/>
      <c r="X48" s="511"/>
      <c r="Y48" s="511"/>
      <c r="Z48" s="511"/>
      <c r="AA48" s="511"/>
      <c r="AB48" s="511"/>
      <c r="AC48" s="511"/>
      <c r="AD48" s="511"/>
      <c r="AE48" s="511"/>
      <c r="AF48" s="511"/>
      <c r="AG48" s="511"/>
      <c r="AH48" s="511"/>
      <c r="AI48" s="511"/>
      <c r="AJ48" s="511"/>
      <c r="AK48" s="511"/>
      <c r="AL48" s="511"/>
      <c r="AM48" s="511"/>
      <c r="AN48" s="511"/>
      <c r="AO48" s="511"/>
      <c r="AP48" s="511"/>
      <c r="AQ48" s="511"/>
      <c r="AR48" s="511"/>
      <c r="AS48" s="512"/>
      <c r="AT48" s="530"/>
      <c r="AU48" s="529"/>
    </row>
    <row r="49" spans="2:47" ht="24.75" customHeight="1" x14ac:dyDescent="0.2">
      <c r="B49" s="529"/>
      <c r="C49" s="530"/>
      <c r="D49" s="1132"/>
      <c r="E49" s="531"/>
      <c r="F49" s="1135"/>
      <c r="G49" s="1135"/>
      <c r="H49" s="1135"/>
      <c r="I49" s="1135"/>
      <c r="J49" s="1135"/>
      <c r="K49" s="1135"/>
      <c r="L49" s="1135"/>
      <c r="M49" s="1135"/>
      <c r="N49" s="1135"/>
      <c r="O49" s="1135"/>
      <c r="P49" s="1135"/>
      <c r="Q49" s="1135"/>
      <c r="R49" s="1135"/>
      <c r="S49" s="1135"/>
      <c r="T49" s="1135"/>
      <c r="U49" s="1135"/>
      <c r="V49" s="1135"/>
      <c r="W49" s="1135"/>
      <c r="X49" s="1135"/>
      <c r="Y49" s="1135"/>
      <c r="Z49" s="1135"/>
      <c r="AA49" s="1135"/>
      <c r="AB49" s="1135"/>
      <c r="AC49" s="1135"/>
      <c r="AD49" s="1135"/>
      <c r="AE49" s="1135"/>
      <c r="AF49" s="1135"/>
      <c r="AG49" s="1135"/>
      <c r="AH49" s="1135"/>
      <c r="AI49" s="1135"/>
      <c r="AJ49" s="1135"/>
      <c r="AK49" s="1135"/>
      <c r="AL49" s="1135"/>
      <c r="AM49" s="1135"/>
      <c r="AN49" s="1135"/>
      <c r="AO49" s="1135"/>
      <c r="AP49" s="1135"/>
      <c r="AQ49" s="1135"/>
      <c r="AR49" s="1135"/>
      <c r="AS49" s="1136"/>
      <c r="AT49" s="530"/>
      <c r="AU49" s="529"/>
    </row>
    <row r="50" spans="2:47" ht="18.75" customHeight="1" x14ac:dyDescent="0.2">
      <c r="B50" s="529"/>
      <c r="C50" s="530"/>
      <c r="D50" s="1132"/>
      <c r="E50" s="532" t="s">
        <v>3</v>
      </c>
      <c r="F50" s="515"/>
      <c r="G50" s="515"/>
      <c r="H50" s="515"/>
      <c r="I50" s="1055"/>
      <c r="J50" s="1055"/>
      <c r="K50" s="1055"/>
      <c r="L50" s="1055"/>
      <c r="M50" s="1055"/>
      <c r="N50" s="1055"/>
      <c r="O50" s="1055"/>
      <c r="P50" s="1055"/>
      <c r="Q50" s="1055"/>
      <c r="R50" s="1055"/>
      <c r="S50" s="1055"/>
      <c r="T50" s="1055"/>
      <c r="U50" s="1055"/>
      <c r="V50" s="1055"/>
      <c r="W50" s="1055"/>
      <c r="X50" s="1055"/>
      <c r="Y50" s="1055"/>
      <c r="Z50" s="1055"/>
      <c r="AA50" s="1055"/>
      <c r="AB50" s="1055"/>
      <c r="AC50" s="1055"/>
      <c r="AD50" s="1055"/>
      <c r="AE50" s="1055"/>
      <c r="AF50" s="1055"/>
      <c r="AG50" s="1055"/>
      <c r="AH50" s="1055"/>
      <c r="AI50" s="1055"/>
      <c r="AJ50" s="1055"/>
      <c r="AK50" s="1055"/>
      <c r="AL50" s="1055"/>
      <c r="AM50" s="1055"/>
      <c r="AN50" s="1055"/>
      <c r="AO50" s="1055"/>
      <c r="AP50" s="1055"/>
      <c r="AQ50" s="1055"/>
      <c r="AR50" s="1055"/>
      <c r="AS50" s="1058"/>
      <c r="AT50" s="530"/>
      <c r="AU50" s="529"/>
    </row>
    <row r="51" spans="2:47" ht="18.75" customHeight="1" x14ac:dyDescent="0.2">
      <c r="B51" s="529"/>
      <c r="C51" s="530"/>
      <c r="D51" s="1132"/>
      <c r="E51" s="533" t="s">
        <v>159</v>
      </c>
      <c r="F51" s="499"/>
      <c r="G51" s="499"/>
      <c r="H51" s="499"/>
      <c r="I51" s="499"/>
      <c r="J51" s="499"/>
      <c r="K51" s="499"/>
      <c r="L51" s="499"/>
      <c r="M51" s="499"/>
      <c r="N51" s="499"/>
      <c r="O51" s="499"/>
      <c r="P51" s="499"/>
      <c r="Q51" s="499"/>
      <c r="R51" s="499"/>
      <c r="S51" s="499"/>
      <c r="T51" s="499"/>
      <c r="U51" s="499"/>
      <c r="V51" s="499"/>
      <c r="W51" s="499"/>
      <c r="X51" s="499"/>
      <c r="Y51" s="499"/>
      <c r="Z51" s="499"/>
      <c r="AA51" s="499"/>
      <c r="AB51" s="499"/>
      <c r="AC51" s="499"/>
      <c r="AD51" s="499"/>
      <c r="AE51" s="499"/>
      <c r="AF51" s="534"/>
      <c r="AG51" s="499"/>
      <c r="AH51" s="499"/>
      <c r="AI51" s="499"/>
      <c r="AJ51" s="499"/>
      <c r="AK51" s="499"/>
      <c r="AL51" s="499"/>
      <c r="AM51" s="499"/>
      <c r="AN51" s="499"/>
      <c r="AO51" s="499"/>
      <c r="AP51" s="499"/>
      <c r="AQ51" s="499"/>
      <c r="AR51" s="499"/>
      <c r="AS51" s="535"/>
      <c r="AT51" s="530"/>
      <c r="AU51" s="529"/>
    </row>
    <row r="52" spans="2:47" ht="18.75" customHeight="1" x14ac:dyDescent="0.2">
      <c r="B52" s="529"/>
      <c r="C52" s="530"/>
      <c r="D52" s="1132"/>
      <c r="E52" s="536"/>
      <c r="F52" s="1053"/>
      <c r="G52" s="1053"/>
      <c r="H52" s="1053"/>
      <c r="I52" s="1053"/>
      <c r="J52" s="1053"/>
      <c r="K52" s="1053"/>
      <c r="L52" s="1053"/>
      <c r="M52" s="1053"/>
      <c r="N52" s="1053"/>
      <c r="O52" s="1053"/>
      <c r="P52" s="1053"/>
      <c r="Q52" s="1053"/>
      <c r="R52" s="1053"/>
      <c r="S52" s="1053"/>
      <c r="T52" s="1053"/>
      <c r="U52" s="1053"/>
      <c r="V52" s="1053"/>
      <c r="W52" s="1053"/>
      <c r="X52" s="1053"/>
      <c r="Y52" s="1053"/>
      <c r="Z52" s="1053"/>
      <c r="AA52" s="1053"/>
      <c r="AB52" s="1053"/>
      <c r="AC52" s="1053"/>
      <c r="AD52" s="1053"/>
      <c r="AE52" s="1053"/>
      <c r="AF52" s="1053"/>
      <c r="AG52" s="1053"/>
      <c r="AH52" s="1053"/>
      <c r="AI52" s="1053"/>
      <c r="AJ52" s="1053"/>
      <c r="AK52" s="1053"/>
      <c r="AL52" s="1053"/>
      <c r="AM52" s="1053"/>
      <c r="AN52" s="1053"/>
      <c r="AO52" s="1053"/>
      <c r="AP52" s="1053"/>
      <c r="AQ52" s="1053"/>
      <c r="AR52" s="1053"/>
      <c r="AS52" s="1054"/>
      <c r="AT52" s="530"/>
      <c r="AU52" s="529"/>
    </row>
    <row r="53" spans="2:47" ht="30" customHeight="1" x14ac:dyDescent="0.2">
      <c r="B53" s="529"/>
      <c r="C53" s="530"/>
      <c r="D53" s="1132"/>
      <c r="E53" s="1137" t="s">
        <v>224</v>
      </c>
      <c r="F53" s="1138"/>
      <c r="G53" s="1138"/>
      <c r="H53" s="1138"/>
      <c r="I53" s="1138"/>
      <c r="J53" s="1138"/>
      <c r="K53" s="1138"/>
      <c r="L53" s="1138"/>
      <c r="M53" s="1138"/>
      <c r="N53" s="1138"/>
      <c r="O53" s="1138"/>
      <c r="P53" s="1138"/>
      <c r="Q53" s="1138"/>
      <c r="R53" s="1138"/>
      <c r="S53" s="1138"/>
      <c r="T53" s="1138"/>
      <c r="U53" s="1139"/>
      <c r="V53" s="1140" t="s">
        <v>7</v>
      </c>
      <c r="W53" s="1141"/>
      <c r="X53" s="1141"/>
      <c r="Y53" s="1141"/>
      <c r="Z53" s="1141"/>
      <c r="AA53" s="1141"/>
      <c r="AB53" s="1141"/>
      <c r="AC53" s="1141"/>
      <c r="AD53" s="1141"/>
      <c r="AE53" s="1141"/>
      <c r="AF53" s="1141"/>
      <c r="AG53" s="1141"/>
      <c r="AH53" s="1142"/>
      <c r="AI53" s="1149" t="s">
        <v>160</v>
      </c>
      <c r="AJ53" s="1149"/>
      <c r="AK53" s="1149"/>
      <c r="AL53" s="1149"/>
      <c r="AM53" s="1149"/>
      <c r="AN53" s="1149"/>
      <c r="AO53" s="1149"/>
      <c r="AP53" s="1149"/>
      <c r="AQ53" s="1149"/>
      <c r="AR53" s="1149"/>
      <c r="AS53" s="1150"/>
      <c r="AT53" s="530"/>
      <c r="AU53" s="529"/>
    </row>
    <row r="54" spans="2:47" ht="15" customHeight="1" x14ac:dyDescent="0.2">
      <c r="B54" s="529"/>
      <c r="C54" s="530"/>
      <c r="D54" s="1132"/>
      <c r="E54" s="1143" t="s">
        <v>53</v>
      </c>
      <c r="F54" s="1144"/>
      <c r="G54" s="1144"/>
      <c r="H54" s="1144"/>
      <c r="I54" s="1144"/>
      <c r="J54" s="1144"/>
      <c r="K54" s="1144"/>
      <c r="L54" s="1144"/>
      <c r="M54" s="1144"/>
      <c r="N54" s="1144"/>
      <c r="O54" s="1144"/>
      <c r="P54" s="1144"/>
      <c r="Q54" s="1144"/>
      <c r="R54" s="1144"/>
      <c r="S54" s="1144"/>
      <c r="T54" s="1144"/>
      <c r="U54" s="1145"/>
      <c r="V54" s="1140"/>
      <c r="W54" s="1141"/>
      <c r="X54" s="1141"/>
      <c r="Y54" s="1141"/>
      <c r="Z54" s="1141"/>
      <c r="AA54" s="1141"/>
      <c r="AB54" s="1141"/>
      <c r="AC54" s="1141"/>
      <c r="AD54" s="1141"/>
      <c r="AE54" s="1141"/>
      <c r="AF54" s="1141"/>
      <c r="AG54" s="1141"/>
      <c r="AH54" s="1142"/>
      <c r="AI54" s="1146"/>
      <c r="AJ54" s="1147"/>
      <c r="AK54" s="1147"/>
      <c r="AL54" s="1147"/>
      <c r="AM54" s="1147"/>
      <c r="AN54" s="1147"/>
      <c r="AO54" s="1147"/>
      <c r="AP54" s="1147"/>
      <c r="AQ54" s="1147"/>
      <c r="AR54" s="1147"/>
      <c r="AS54" s="1148"/>
      <c r="AT54" s="530"/>
      <c r="AU54" s="529"/>
    </row>
    <row r="55" spans="2:47" ht="15" customHeight="1" x14ac:dyDescent="0.2">
      <c r="B55" s="529"/>
      <c r="C55" s="530"/>
      <c r="D55" s="1132"/>
      <c r="E55" s="1143" t="s">
        <v>53</v>
      </c>
      <c r="F55" s="1144"/>
      <c r="G55" s="1144"/>
      <c r="H55" s="1144"/>
      <c r="I55" s="1144"/>
      <c r="J55" s="1144"/>
      <c r="K55" s="1144"/>
      <c r="L55" s="1144"/>
      <c r="M55" s="1144"/>
      <c r="N55" s="1144"/>
      <c r="O55" s="1144"/>
      <c r="P55" s="1144"/>
      <c r="Q55" s="1144"/>
      <c r="R55" s="1144"/>
      <c r="S55" s="1144"/>
      <c r="T55" s="1144"/>
      <c r="U55" s="1145"/>
      <c r="V55" s="1140"/>
      <c r="W55" s="1141"/>
      <c r="X55" s="1141"/>
      <c r="Y55" s="1141"/>
      <c r="Z55" s="1141"/>
      <c r="AA55" s="1141"/>
      <c r="AB55" s="1141"/>
      <c r="AC55" s="1141"/>
      <c r="AD55" s="1141"/>
      <c r="AE55" s="1141"/>
      <c r="AF55" s="1141"/>
      <c r="AG55" s="1141"/>
      <c r="AH55" s="1142"/>
      <c r="AI55" s="1146"/>
      <c r="AJ55" s="1147"/>
      <c r="AK55" s="1147"/>
      <c r="AL55" s="1147"/>
      <c r="AM55" s="1147"/>
      <c r="AN55" s="1147"/>
      <c r="AO55" s="1147"/>
      <c r="AP55" s="1147"/>
      <c r="AQ55" s="1147"/>
      <c r="AR55" s="1147"/>
      <c r="AS55" s="1148"/>
      <c r="AT55" s="530"/>
      <c r="AU55" s="529"/>
    </row>
    <row r="56" spans="2:47" ht="15" customHeight="1" x14ac:dyDescent="0.2">
      <c r="B56" s="529"/>
      <c r="C56" s="530"/>
      <c r="D56" s="1132"/>
      <c r="E56" s="1143" t="s">
        <v>53</v>
      </c>
      <c r="F56" s="1144"/>
      <c r="G56" s="1144"/>
      <c r="H56" s="1144"/>
      <c r="I56" s="1144"/>
      <c r="J56" s="1144"/>
      <c r="K56" s="1144"/>
      <c r="L56" s="1144"/>
      <c r="M56" s="1144"/>
      <c r="N56" s="1144"/>
      <c r="O56" s="1144"/>
      <c r="P56" s="1144"/>
      <c r="Q56" s="1144"/>
      <c r="R56" s="1144"/>
      <c r="S56" s="1144"/>
      <c r="T56" s="1144"/>
      <c r="U56" s="1145"/>
      <c r="V56" s="1140"/>
      <c r="W56" s="1141"/>
      <c r="X56" s="1141"/>
      <c r="Y56" s="1141"/>
      <c r="Z56" s="1141"/>
      <c r="AA56" s="1141"/>
      <c r="AB56" s="1141"/>
      <c r="AC56" s="1141"/>
      <c r="AD56" s="1141"/>
      <c r="AE56" s="1141"/>
      <c r="AF56" s="1141"/>
      <c r="AG56" s="1141"/>
      <c r="AH56" s="1142"/>
      <c r="AI56" s="1146"/>
      <c r="AJ56" s="1147"/>
      <c r="AK56" s="1147"/>
      <c r="AL56" s="1147"/>
      <c r="AM56" s="1147"/>
      <c r="AN56" s="1147"/>
      <c r="AO56" s="1147"/>
      <c r="AP56" s="1147"/>
      <c r="AQ56" s="1147"/>
      <c r="AR56" s="1147"/>
      <c r="AS56" s="1148"/>
      <c r="AT56" s="530"/>
      <c r="AU56" s="529"/>
    </row>
    <row r="57" spans="2:47" ht="15" customHeight="1" x14ac:dyDescent="0.2">
      <c r="B57" s="529"/>
      <c r="C57" s="530"/>
      <c r="D57" s="1132"/>
      <c r="E57" s="1143" t="s">
        <v>53</v>
      </c>
      <c r="F57" s="1144"/>
      <c r="G57" s="1144"/>
      <c r="H57" s="1144"/>
      <c r="I57" s="1144"/>
      <c r="J57" s="1144"/>
      <c r="K57" s="1144"/>
      <c r="L57" s="1144"/>
      <c r="M57" s="1144"/>
      <c r="N57" s="1144"/>
      <c r="O57" s="1144"/>
      <c r="P57" s="1144"/>
      <c r="Q57" s="1144"/>
      <c r="R57" s="1144"/>
      <c r="S57" s="1144"/>
      <c r="T57" s="1144"/>
      <c r="U57" s="1145"/>
      <c r="V57" s="1140"/>
      <c r="W57" s="1141"/>
      <c r="X57" s="1141"/>
      <c r="Y57" s="1141"/>
      <c r="Z57" s="1141"/>
      <c r="AA57" s="1141"/>
      <c r="AB57" s="1141"/>
      <c r="AC57" s="1141"/>
      <c r="AD57" s="1141"/>
      <c r="AE57" s="1141"/>
      <c r="AF57" s="1141"/>
      <c r="AG57" s="1141"/>
      <c r="AH57" s="1142"/>
      <c r="AI57" s="1149"/>
      <c r="AJ57" s="1149"/>
      <c r="AK57" s="1149"/>
      <c r="AL57" s="1149"/>
      <c r="AM57" s="1149"/>
      <c r="AN57" s="1149"/>
      <c r="AO57" s="1149"/>
      <c r="AP57" s="1149"/>
      <c r="AQ57" s="1149"/>
      <c r="AR57" s="1149"/>
      <c r="AS57" s="1150"/>
      <c r="AT57" s="530"/>
      <c r="AU57" s="529"/>
    </row>
    <row r="58" spans="2:47" ht="15" customHeight="1" thickBot="1" x14ac:dyDescent="0.25">
      <c r="B58" s="529"/>
      <c r="C58" s="530"/>
      <c r="D58" s="1133"/>
      <c r="E58" s="1151" t="s">
        <v>53</v>
      </c>
      <c r="F58" s="1152"/>
      <c r="G58" s="1152"/>
      <c r="H58" s="1152"/>
      <c r="I58" s="1152"/>
      <c r="J58" s="1152"/>
      <c r="K58" s="1152"/>
      <c r="L58" s="1152"/>
      <c r="M58" s="1152"/>
      <c r="N58" s="1152"/>
      <c r="O58" s="1152"/>
      <c r="P58" s="1152"/>
      <c r="Q58" s="1152"/>
      <c r="R58" s="1152"/>
      <c r="S58" s="1152"/>
      <c r="T58" s="1152"/>
      <c r="U58" s="1153"/>
      <c r="V58" s="1154"/>
      <c r="W58" s="1155"/>
      <c r="X58" s="1155"/>
      <c r="Y58" s="1155"/>
      <c r="Z58" s="1155"/>
      <c r="AA58" s="1155"/>
      <c r="AB58" s="1155"/>
      <c r="AC58" s="1155"/>
      <c r="AD58" s="1155"/>
      <c r="AE58" s="1155"/>
      <c r="AF58" s="1155"/>
      <c r="AG58" s="1155"/>
      <c r="AH58" s="1156"/>
      <c r="AI58" s="1157"/>
      <c r="AJ58" s="1157"/>
      <c r="AK58" s="1157"/>
      <c r="AL58" s="1157"/>
      <c r="AM58" s="1157"/>
      <c r="AN58" s="1157"/>
      <c r="AO58" s="1157"/>
      <c r="AP58" s="1157"/>
      <c r="AQ58" s="1157"/>
      <c r="AR58" s="1157"/>
      <c r="AS58" s="1158"/>
      <c r="AT58" s="530"/>
      <c r="AU58" s="529"/>
    </row>
    <row r="59" spans="2:47" ht="22.5" customHeight="1" x14ac:dyDescent="0.2">
      <c r="B59" s="529"/>
      <c r="C59" s="530"/>
      <c r="D59" s="1131" t="s">
        <v>12</v>
      </c>
      <c r="E59" s="505" t="s">
        <v>4</v>
      </c>
      <c r="F59" s="505"/>
      <c r="G59" s="505"/>
      <c r="H59" s="505"/>
      <c r="I59" s="1046"/>
      <c r="J59" s="1046"/>
      <c r="K59" s="1046"/>
      <c r="L59" s="1046"/>
      <c r="M59" s="1046"/>
      <c r="N59" s="1046"/>
      <c r="O59" s="1046"/>
      <c r="P59" s="1046"/>
      <c r="Q59" s="1047"/>
      <c r="R59" s="506" t="s">
        <v>2</v>
      </c>
      <c r="S59" s="505"/>
      <c r="T59" s="505"/>
      <c r="U59" s="505"/>
      <c r="V59" s="1046"/>
      <c r="W59" s="1046"/>
      <c r="X59" s="1046"/>
      <c r="Y59" s="1046"/>
      <c r="Z59" s="1046"/>
      <c r="AA59" s="1046"/>
      <c r="AB59" s="1046"/>
      <c r="AC59" s="1046"/>
      <c r="AD59" s="1046"/>
      <c r="AE59" s="1047"/>
      <c r="AF59" s="506" t="s">
        <v>6</v>
      </c>
      <c r="AG59" s="505"/>
      <c r="AH59" s="505"/>
      <c r="AI59" s="505"/>
      <c r="AJ59" s="1046"/>
      <c r="AK59" s="1046"/>
      <c r="AL59" s="1046"/>
      <c r="AM59" s="1046"/>
      <c r="AN59" s="1046"/>
      <c r="AO59" s="1046"/>
      <c r="AP59" s="1046"/>
      <c r="AQ59" s="1046"/>
      <c r="AR59" s="1046"/>
      <c r="AS59" s="1048"/>
      <c r="AT59" s="530"/>
      <c r="AU59" s="529"/>
    </row>
    <row r="60" spans="2:47" ht="22.5" customHeight="1" x14ac:dyDescent="0.2">
      <c r="B60" s="529"/>
      <c r="C60" s="530"/>
      <c r="D60" s="1132"/>
      <c r="E60" s="508" t="s">
        <v>61</v>
      </c>
      <c r="F60" s="508"/>
      <c r="G60" s="508"/>
      <c r="H60" s="508"/>
      <c r="I60" s="508"/>
      <c r="J60" s="508"/>
      <c r="K60" s="508"/>
      <c r="L60" s="1049"/>
      <c r="M60" s="1049"/>
      <c r="N60" s="1049"/>
      <c r="O60" s="1049"/>
      <c r="P60" s="1049"/>
      <c r="Q60" s="1049"/>
      <c r="R60" s="1049"/>
      <c r="S60" s="1049"/>
      <c r="T60" s="1049"/>
      <c r="U60" s="1049"/>
      <c r="V60" s="1049"/>
      <c r="W60" s="1049"/>
      <c r="X60" s="1049"/>
      <c r="Y60" s="1049"/>
      <c r="Z60" s="1049"/>
      <c r="AA60" s="1049"/>
      <c r="AB60" s="1049"/>
      <c r="AC60" s="1049"/>
      <c r="AD60" s="1049"/>
      <c r="AE60" s="1049"/>
      <c r="AF60" s="1049"/>
      <c r="AG60" s="1049"/>
      <c r="AH60" s="1049"/>
      <c r="AI60" s="1049"/>
      <c r="AJ60" s="1049"/>
      <c r="AK60" s="1049"/>
      <c r="AL60" s="1049"/>
      <c r="AM60" s="1049"/>
      <c r="AN60" s="1049"/>
      <c r="AO60" s="1049"/>
      <c r="AP60" s="1049"/>
      <c r="AQ60" s="1049"/>
      <c r="AR60" s="1049"/>
      <c r="AS60" s="1134"/>
      <c r="AT60" s="530"/>
      <c r="AU60" s="529"/>
    </row>
    <row r="61" spans="2:47" ht="24.75" customHeight="1" x14ac:dyDescent="0.2">
      <c r="B61" s="529"/>
      <c r="C61" s="530"/>
      <c r="D61" s="1132"/>
      <c r="E61" s="549" t="s">
        <v>223</v>
      </c>
      <c r="F61" s="511"/>
      <c r="G61" s="511"/>
      <c r="H61" s="511"/>
      <c r="I61" s="511"/>
      <c r="J61" s="511"/>
      <c r="K61" s="511"/>
      <c r="L61" s="511"/>
      <c r="M61" s="511"/>
      <c r="N61" s="511"/>
      <c r="O61" s="511"/>
      <c r="P61" s="511"/>
      <c r="Q61" s="511"/>
      <c r="R61" s="511"/>
      <c r="S61" s="511"/>
      <c r="T61" s="511"/>
      <c r="U61" s="511"/>
      <c r="V61" s="511"/>
      <c r="W61" s="511"/>
      <c r="X61" s="511"/>
      <c r="Y61" s="511"/>
      <c r="Z61" s="511"/>
      <c r="AA61" s="511"/>
      <c r="AB61" s="511"/>
      <c r="AC61" s="511"/>
      <c r="AD61" s="511"/>
      <c r="AE61" s="511"/>
      <c r="AF61" s="511"/>
      <c r="AG61" s="511"/>
      <c r="AH61" s="511"/>
      <c r="AI61" s="511"/>
      <c r="AJ61" s="511"/>
      <c r="AK61" s="511"/>
      <c r="AL61" s="511"/>
      <c r="AM61" s="511"/>
      <c r="AN61" s="511"/>
      <c r="AO61" s="511"/>
      <c r="AP61" s="511"/>
      <c r="AQ61" s="511"/>
      <c r="AR61" s="511"/>
      <c r="AS61" s="512"/>
      <c r="AT61" s="530"/>
      <c r="AU61" s="529"/>
    </row>
    <row r="62" spans="2:47" ht="24.75" customHeight="1" x14ac:dyDescent="0.2">
      <c r="B62" s="529"/>
      <c r="C62" s="530"/>
      <c r="D62" s="1132"/>
      <c r="E62" s="531"/>
      <c r="F62" s="1053"/>
      <c r="G62" s="1053"/>
      <c r="H62" s="1053"/>
      <c r="I62" s="1053"/>
      <c r="J62" s="1053"/>
      <c r="K62" s="1053"/>
      <c r="L62" s="1053"/>
      <c r="M62" s="1053"/>
      <c r="N62" s="1053"/>
      <c r="O62" s="1053"/>
      <c r="P62" s="1053"/>
      <c r="Q62" s="1053"/>
      <c r="R62" s="1053"/>
      <c r="S62" s="1053"/>
      <c r="T62" s="1053"/>
      <c r="U62" s="1053"/>
      <c r="V62" s="1053"/>
      <c r="W62" s="1053"/>
      <c r="X62" s="1053"/>
      <c r="Y62" s="1053"/>
      <c r="Z62" s="1053"/>
      <c r="AA62" s="1053"/>
      <c r="AB62" s="1053"/>
      <c r="AC62" s="1053"/>
      <c r="AD62" s="1053"/>
      <c r="AE62" s="1053"/>
      <c r="AF62" s="1053"/>
      <c r="AG62" s="1053"/>
      <c r="AH62" s="1053"/>
      <c r="AI62" s="1053"/>
      <c r="AJ62" s="1053"/>
      <c r="AK62" s="1053"/>
      <c r="AL62" s="1053"/>
      <c r="AM62" s="1053"/>
      <c r="AN62" s="1053"/>
      <c r="AO62" s="1053"/>
      <c r="AP62" s="1053"/>
      <c r="AQ62" s="1053"/>
      <c r="AR62" s="1053"/>
      <c r="AS62" s="1054"/>
      <c r="AT62" s="530"/>
      <c r="AU62" s="529"/>
    </row>
    <row r="63" spans="2:47" ht="18.75" customHeight="1" x14ac:dyDescent="0.2">
      <c r="B63" s="529"/>
      <c r="C63" s="530"/>
      <c r="D63" s="1132"/>
      <c r="E63" s="532" t="s">
        <v>3</v>
      </c>
      <c r="F63" s="515"/>
      <c r="G63" s="515"/>
      <c r="H63" s="515"/>
      <c r="I63" s="1055"/>
      <c r="J63" s="1055"/>
      <c r="K63" s="1055"/>
      <c r="L63" s="1055"/>
      <c r="M63" s="1055"/>
      <c r="N63" s="1055"/>
      <c r="O63" s="1055"/>
      <c r="P63" s="1055"/>
      <c r="Q63" s="1055"/>
      <c r="R63" s="1055"/>
      <c r="S63" s="1055"/>
      <c r="T63" s="1055"/>
      <c r="U63" s="1055"/>
      <c r="V63" s="1055"/>
      <c r="W63" s="1055"/>
      <c r="X63" s="1055"/>
      <c r="Y63" s="1055"/>
      <c r="Z63" s="1055"/>
      <c r="AA63" s="1055"/>
      <c r="AB63" s="1055"/>
      <c r="AC63" s="1055"/>
      <c r="AD63" s="1055"/>
      <c r="AE63" s="1055"/>
      <c r="AF63" s="1055"/>
      <c r="AG63" s="1055"/>
      <c r="AH63" s="1055"/>
      <c r="AI63" s="1055"/>
      <c r="AJ63" s="1055"/>
      <c r="AK63" s="1055"/>
      <c r="AL63" s="1055"/>
      <c r="AM63" s="1055"/>
      <c r="AN63" s="1055"/>
      <c r="AO63" s="1055"/>
      <c r="AP63" s="1055"/>
      <c r="AQ63" s="1055"/>
      <c r="AR63" s="1055"/>
      <c r="AS63" s="1058"/>
      <c r="AT63" s="530"/>
      <c r="AU63" s="529"/>
    </row>
    <row r="64" spans="2:47" ht="18.75" customHeight="1" x14ac:dyDescent="0.2">
      <c r="B64" s="529"/>
      <c r="C64" s="530"/>
      <c r="D64" s="1132"/>
      <c r="E64" s="533" t="s">
        <v>159</v>
      </c>
      <c r="F64" s="499"/>
      <c r="G64" s="499"/>
      <c r="H64" s="499"/>
      <c r="I64" s="499"/>
      <c r="J64" s="499"/>
      <c r="K64" s="499"/>
      <c r="L64" s="499"/>
      <c r="M64" s="499"/>
      <c r="N64" s="499"/>
      <c r="O64" s="499"/>
      <c r="P64" s="499"/>
      <c r="Q64" s="499"/>
      <c r="R64" s="499"/>
      <c r="S64" s="499"/>
      <c r="T64" s="499"/>
      <c r="U64" s="499"/>
      <c r="V64" s="499"/>
      <c r="W64" s="499"/>
      <c r="X64" s="499"/>
      <c r="Y64" s="499"/>
      <c r="Z64" s="499"/>
      <c r="AA64" s="499"/>
      <c r="AB64" s="499"/>
      <c r="AC64" s="499"/>
      <c r="AD64" s="499"/>
      <c r="AE64" s="499"/>
      <c r="AF64" s="534"/>
      <c r="AG64" s="499"/>
      <c r="AH64" s="499"/>
      <c r="AI64" s="499"/>
      <c r="AJ64" s="499"/>
      <c r="AK64" s="499"/>
      <c r="AL64" s="499"/>
      <c r="AM64" s="499"/>
      <c r="AN64" s="499"/>
      <c r="AO64" s="499"/>
      <c r="AP64" s="499"/>
      <c r="AQ64" s="499"/>
      <c r="AR64" s="499"/>
      <c r="AS64" s="535"/>
      <c r="AT64" s="530"/>
      <c r="AU64" s="529"/>
    </row>
    <row r="65" spans="1:52" ht="18.75" customHeight="1" x14ac:dyDescent="0.2">
      <c r="B65" s="529"/>
      <c r="C65" s="530"/>
      <c r="D65" s="1132"/>
      <c r="E65" s="536"/>
      <c r="F65" s="1053"/>
      <c r="G65" s="1053"/>
      <c r="H65" s="1053"/>
      <c r="I65" s="1053"/>
      <c r="J65" s="1053"/>
      <c r="K65" s="1053"/>
      <c r="L65" s="1053"/>
      <c r="M65" s="1053"/>
      <c r="N65" s="1053"/>
      <c r="O65" s="1053"/>
      <c r="P65" s="1053"/>
      <c r="Q65" s="1053"/>
      <c r="R65" s="1053"/>
      <c r="S65" s="1053"/>
      <c r="T65" s="1053"/>
      <c r="U65" s="1053"/>
      <c r="V65" s="1053"/>
      <c r="W65" s="1053"/>
      <c r="X65" s="1053"/>
      <c r="Y65" s="1053"/>
      <c r="Z65" s="1053"/>
      <c r="AA65" s="1053"/>
      <c r="AB65" s="1053"/>
      <c r="AC65" s="1053"/>
      <c r="AD65" s="1053"/>
      <c r="AE65" s="1053"/>
      <c r="AF65" s="1053"/>
      <c r="AG65" s="1053"/>
      <c r="AH65" s="1053"/>
      <c r="AI65" s="1053"/>
      <c r="AJ65" s="1053"/>
      <c r="AK65" s="1053"/>
      <c r="AL65" s="1053"/>
      <c r="AM65" s="1053"/>
      <c r="AN65" s="1053"/>
      <c r="AO65" s="1053"/>
      <c r="AP65" s="1053"/>
      <c r="AQ65" s="1053"/>
      <c r="AR65" s="1053"/>
      <c r="AS65" s="1054"/>
      <c r="AT65" s="530"/>
      <c r="AU65" s="529"/>
    </row>
    <row r="66" spans="1:52" ht="30" customHeight="1" x14ac:dyDescent="0.2">
      <c r="B66" s="529"/>
      <c r="C66" s="530"/>
      <c r="D66" s="1132"/>
      <c r="E66" s="1171" t="s">
        <v>224</v>
      </c>
      <c r="F66" s="1172"/>
      <c r="G66" s="1172"/>
      <c r="H66" s="1172"/>
      <c r="I66" s="1172"/>
      <c r="J66" s="1172"/>
      <c r="K66" s="1172"/>
      <c r="L66" s="1172"/>
      <c r="M66" s="1172"/>
      <c r="N66" s="1172"/>
      <c r="O66" s="1172"/>
      <c r="P66" s="1172"/>
      <c r="Q66" s="1172"/>
      <c r="R66" s="1172"/>
      <c r="S66" s="1172"/>
      <c r="T66" s="1172"/>
      <c r="U66" s="1173"/>
      <c r="V66" s="1163" t="s">
        <v>7</v>
      </c>
      <c r="W66" s="1164"/>
      <c r="X66" s="1164"/>
      <c r="Y66" s="1164"/>
      <c r="Z66" s="1164"/>
      <c r="AA66" s="1164"/>
      <c r="AB66" s="1164"/>
      <c r="AC66" s="1164"/>
      <c r="AD66" s="1164"/>
      <c r="AE66" s="1164"/>
      <c r="AF66" s="1164"/>
      <c r="AG66" s="1164"/>
      <c r="AH66" s="1165"/>
      <c r="AI66" s="1166" t="s">
        <v>160</v>
      </c>
      <c r="AJ66" s="1166"/>
      <c r="AK66" s="1166"/>
      <c r="AL66" s="1166"/>
      <c r="AM66" s="1166"/>
      <c r="AN66" s="1166"/>
      <c r="AO66" s="1166"/>
      <c r="AP66" s="1166"/>
      <c r="AQ66" s="1166"/>
      <c r="AR66" s="1166"/>
      <c r="AS66" s="1167"/>
      <c r="AT66" s="530"/>
      <c r="AU66" s="529"/>
    </row>
    <row r="67" spans="1:52" ht="15" customHeight="1" x14ac:dyDescent="0.2">
      <c r="B67" s="529"/>
      <c r="C67" s="530"/>
      <c r="D67" s="1132"/>
      <c r="E67" s="1160" t="s">
        <v>53</v>
      </c>
      <c r="F67" s="1161"/>
      <c r="G67" s="1161"/>
      <c r="H67" s="1161"/>
      <c r="I67" s="1161"/>
      <c r="J67" s="1161"/>
      <c r="K67" s="1161"/>
      <c r="L67" s="1161"/>
      <c r="M67" s="1161"/>
      <c r="N67" s="1161"/>
      <c r="O67" s="1161"/>
      <c r="P67" s="1161"/>
      <c r="Q67" s="1161"/>
      <c r="R67" s="1161"/>
      <c r="S67" s="1161"/>
      <c r="T67" s="1161"/>
      <c r="U67" s="1162"/>
      <c r="V67" s="1163"/>
      <c r="W67" s="1164"/>
      <c r="X67" s="1164"/>
      <c r="Y67" s="1164"/>
      <c r="Z67" s="1164"/>
      <c r="AA67" s="1164"/>
      <c r="AB67" s="1164"/>
      <c r="AC67" s="1164"/>
      <c r="AD67" s="1164"/>
      <c r="AE67" s="1164"/>
      <c r="AF67" s="1164"/>
      <c r="AG67" s="1164"/>
      <c r="AH67" s="1165"/>
      <c r="AI67" s="1168"/>
      <c r="AJ67" s="1169"/>
      <c r="AK67" s="1169"/>
      <c r="AL67" s="1169"/>
      <c r="AM67" s="1169"/>
      <c r="AN67" s="1169"/>
      <c r="AO67" s="1169"/>
      <c r="AP67" s="1169"/>
      <c r="AQ67" s="1169"/>
      <c r="AR67" s="1169"/>
      <c r="AS67" s="1170"/>
      <c r="AT67" s="530"/>
      <c r="AU67" s="529"/>
    </row>
    <row r="68" spans="1:52" ht="15" customHeight="1" x14ac:dyDescent="0.2">
      <c r="B68" s="529"/>
      <c r="C68" s="530"/>
      <c r="D68" s="1132"/>
      <c r="E68" s="1160" t="s">
        <v>53</v>
      </c>
      <c r="F68" s="1161"/>
      <c r="G68" s="1161"/>
      <c r="H68" s="1161"/>
      <c r="I68" s="1161"/>
      <c r="J68" s="1161"/>
      <c r="K68" s="1161"/>
      <c r="L68" s="1161"/>
      <c r="M68" s="1161"/>
      <c r="N68" s="1161"/>
      <c r="O68" s="1161"/>
      <c r="P68" s="1161"/>
      <c r="Q68" s="1161"/>
      <c r="R68" s="1161"/>
      <c r="S68" s="1161"/>
      <c r="T68" s="1161"/>
      <c r="U68" s="1162"/>
      <c r="V68" s="1163"/>
      <c r="W68" s="1164"/>
      <c r="X68" s="1164"/>
      <c r="Y68" s="1164"/>
      <c r="Z68" s="1164"/>
      <c r="AA68" s="1164"/>
      <c r="AB68" s="1164"/>
      <c r="AC68" s="1164"/>
      <c r="AD68" s="1164"/>
      <c r="AE68" s="1164"/>
      <c r="AF68" s="1164"/>
      <c r="AG68" s="1164"/>
      <c r="AH68" s="1165"/>
      <c r="AI68" s="1168"/>
      <c r="AJ68" s="1169"/>
      <c r="AK68" s="1169"/>
      <c r="AL68" s="1169"/>
      <c r="AM68" s="1169"/>
      <c r="AN68" s="1169"/>
      <c r="AO68" s="1169"/>
      <c r="AP68" s="1169"/>
      <c r="AQ68" s="1169"/>
      <c r="AR68" s="1169"/>
      <c r="AS68" s="1170"/>
      <c r="AT68" s="530"/>
      <c r="AU68" s="529"/>
    </row>
    <row r="69" spans="1:52" ht="15" customHeight="1" x14ac:dyDescent="0.2">
      <c r="B69" s="529"/>
      <c r="C69" s="530"/>
      <c r="D69" s="1132"/>
      <c r="E69" s="1160" t="s">
        <v>53</v>
      </c>
      <c r="F69" s="1161"/>
      <c r="G69" s="1161"/>
      <c r="H69" s="1161"/>
      <c r="I69" s="1161"/>
      <c r="J69" s="1161"/>
      <c r="K69" s="1161"/>
      <c r="L69" s="1161"/>
      <c r="M69" s="1161"/>
      <c r="N69" s="1161"/>
      <c r="O69" s="1161"/>
      <c r="P69" s="1161"/>
      <c r="Q69" s="1161"/>
      <c r="R69" s="1161"/>
      <c r="S69" s="1161"/>
      <c r="T69" s="1161"/>
      <c r="U69" s="1162"/>
      <c r="V69" s="1163"/>
      <c r="W69" s="1164"/>
      <c r="X69" s="1164"/>
      <c r="Y69" s="1164"/>
      <c r="Z69" s="1164"/>
      <c r="AA69" s="1164"/>
      <c r="AB69" s="1164"/>
      <c r="AC69" s="1164"/>
      <c r="AD69" s="1164"/>
      <c r="AE69" s="1164"/>
      <c r="AF69" s="1164"/>
      <c r="AG69" s="1164"/>
      <c r="AH69" s="1165"/>
      <c r="AI69" s="1168"/>
      <c r="AJ69" s="1169"/>
      <c r="AK69" s="1169"/>
      <c r="AL69" s="1169"/>
      <c r="AM69" s="1169"/>
      <c r="AN69" s="1169"/>
      <c r="AO69" s="1169"/>
      <c r="AP69" s="1169"/>
      <c r="AQ69" s="1169"/>
      <c r="AR69" s="1169"/>
      <c r="AS69" s="1170"/>
      <c r="AT69" s="530"/>
      <c r="AU69" s="529"/>
    </row>
    <row r="70" spans="1:52" ht="15" customHeight="1" x14ac:dyDescent="0.2">
      <c r="B70" s="529"/>
      <c r="C70" s="530"/>
      <c r="D70" s="1132"/>
      <c r="E70" s="1160" t="s">
        <v>53</v>
      </c>
      <c r="F70" s="1161"/>
      <c r="G70" s="1161"/>
      <c r="H70" s="1161"/>
      <c r="I70" s="1161"/>
      <c r="J70" s="1161"/>
      <c r="K70" s="1161"/>
      <c r="L70" s="1161"/>
      <c r="M70" s="1161"/>
      <c r="N70" s="1161"/>
      <c r="O70" s="1161"/>
      <c r="P70" s="1161"/>
      <c r="Q70" s="1161"/>
      <c r="R70" s="1161"/>
      <c r="S70" s="1161"/>
      <c r="T70" s="1161"/>
      <c r="U70" s="1162"/>
      <c r="V70" s="1163"/>
      <c r="W70" s="1164"/>
      <c r="X70" s="1164"/>
      <c r="Y70" s="1164"/>
      <c r="Z70" s="1164"/>
      <c r="AA70" s="1164"/>
      <c r="AB70" s="1164"/>
      <c r="AC70" s="1164"/>
      <c r="AD70" s="1164"/>
      <c r="AE70" s="1164"/>
      <c r="AF70" s="1164"/>
      <c r="AG70" s="1164"/>
      <c r="AH70" s="1165"/>
      <c r="AI70" s="1166"/>
      <c r="AJ70" s="1166"/>
      <c r="AK70" s="1166"/>
      <c r="AL70" s="1166"/>
      <c r="AM70" s="1166"/>
      <c r="AN70" s="1166"/>
      <c r="AO70" s="1166"/>
      <c r="AP70" s="1166"/>
      <c r="AQ70" s="1166"/>
      <c r="AR70" s="1166"/>
      <c r="AS70" s="1167"/>
      <c r="AT70" s="530"/>
      <c r="AU70" s="529"/>
    </row>
    <row r="71" spans="1:52" ht="15" customHeight="1" thickBot="1" x14ac:dyDescent="0.25">
      <c r="B71" s="529"/>
      <c r="C71" s="530"/>
      <c r="D71" s="1133"/>
      <c r="E71" s="1151" t="s">
        <v>53</v>
      </c>
      <c r="F71" s="1152"/>
      <c r="G71" s="1152"/>
      <c r="H71" s="1152"/>
      <c r="I71" s="1152"/>
      <c r="J71" s="1152"/>
      <c r="K71" s="1152"/>
      <c r="L71" s="1152"/>
      <c r="M71" s="1152"/>
      <c r="N71" s="1152"/>
      <c r="O71" s="1152"/>
      <c r="P71" s="1152"/>
      <c r="Q71" s="1152"/>
      <c r="R71" s="1152"/>
      <c r="S71" s="1152"/>
      <c r="T71" s="1152"/>
      <c r="U71" s="1153"/>
      <c r="V71" s="1154"/>
      <c r="W71" s="1155"/>
      <c r="X71" s="1155"/>
      <c r="Y71" s="1155"/>
      <c r="Z71" s="1155"/>
      <c r="AA71" s="1155"/>
      <c r="AB71" s="1155"/>
      <c r="AC71" s="1155"/>
      <c r="AD71" s="1155"/>
      <c r="AE71" s="1155"/>
      <c r="AF71" s="1155"/>
      <c r="AG71" s="1155"/>
      <c r="AH71" s="1156"/>
      <c r="AI71" s="1157"/>
      <c r="AJ71" s="1157"/>
      <c r="AK71" s="1157"/>
      <c r="AL71" s="1157"/>
      <c r="AM71" s="1157"/>
      <c r="AN71" s="1157"/>
      <c r="AO71" s="1157"/>
      <c r="AP71" s="1157"/>
      <c r="AQ71" s="1157"/>
      <c r="AR71" s="1157"/>
      <c r="AS71" s="1158"/>
      <c r="AT71" s="530"/>
      <c r="AU71" s="529"/>
    </row>
    <row r="72" spans="1:52" ht="22.5" customHeight="1" x14ac:dyDescent="0.2">
      <c r="B72" s="529"/>
      <c r="C72" s="530"/>
      <c r="D72" s="1131" t="s">
        <v>12</v>
      </c>
      <c r="E72" s="505" t="s">
        <v>4</v>
      </c>
      <c r="F72" s="505"/>
      <c r="G72" s="505"/>
      <c r="H72" s="505"/>
      <c r="I72" s="1046"/>
      <c r="J72" s="1046"/>
      <c r="K72" s="1046"/>
      <c r="L72" s="1046"/>
      <c r="M72" s="1046"/>
      <c r="N72" s="1046"/>
      <c r="O72" s="1046"/>
      <c r="P72" s="1046"/>
      <c r="Q72" s="1047"/>
      <c r="R72" s="506" t="s">
        <v>2</v>
      </c>
      <c r="S72" s="505"/>
      <c r="T72" s="505"/>
      <c r="U72" s="505"/>
      <c r="V72" s="1046"/>
      <c r="W72" s="1046"/>
      <c r="X72" s="1046"/>
      <c r="Y72" s="1046"/>
      <c r="Z72" s="1046"/>
      <c r="AA72" s="1046"/>
      <c r="AB72" s="1046"/>
      <c r="AC72" s="1046"/>
      <c r="AD72" s="1046"/>
      <c r="AE72" s="1047"/>
      <c r="AF72" s="506" t="s">
        <v>6</v>
      </c>
      <c r="AG72" s="505"/>
      <c r="AH72" s="505"/>
      <c r="AI72" s="505"/>
      <c r="AJ72" s="1046"/>
      <c r="AK72" s="1046"/>
      <c r="AL72" s="1046"/>
      <c r="AM72" s="1046"/>
      <c r="AN72" s="1046"/>
      <c r="AO72" s="1046"/>
      <c r="AP72" s="1046"/>
      <c r="AQ72" s="1046"/>
      <c r="AR72" s="1046"/>
      <c r="AS72" s="1048"/>
      <c r="AT72" s="530"/>
      <c r="AU72" s="529"/>
    </row>
    <row r="73" spans="1:52" ht="30" customHeight="1" x14ac:dyDescent="0.2">
      <c r="B73" s="1016"/>
      <c r="C73" s="1159"/>
      <c r="D73" s="1132"/>
      <c r="E73" s="508" t="s">
        <v>61</v>
      </c>
      <c r="F73" s="508"/>
      <c r="G73" s="508"/>
      <c r="H73" s="508"/>
      <c r="I73" s="508"/>
      <c r="J73" s="508"/>
      <c r="K73" s="508"/>
      <c r="L73" s="1049"/>
      <c r="M73" s="1049"/>
      <c r="N73" s="1049"/>
      <c r="O73" s="1049"/>
      <c r="P73" s="1049"/>
      <c r="Q73" s="1049"/>
      <c r="R73" s="1049"/>
      <c r="S73" s="1049"/>
      <c r="T73" s="1049"/>
      <c r="U73" s="1049"/>
      <c r="V73" s="1049"/>
      <c r="W73" s="1049"/>
      <c r="X73" s="1049"/>
      <c r="Y73" s="1049"/>
      <c r="Z73" s="1049"/>
      <c r="AA73" s="1049"/>
      <c r="AB73" s="1049"/>
      <c r="AC73" s="1049"/>
      <c r="AD73" s="1049"/>
      <c r="AE73" s="1049"/>
      <c r="AF73" s="1049"/>
      <c r="AG73" s="1049"/>
      <c r="AH73" s="1049"/>
      <c r="AI73" s="1049"/>
      <c r="AJ73" s="1049"/>
      <c r="AK73" s="1049"/>
      <c r="AL73" s="1049"/>
      <c r="AM73" s="1049"/>
      <c r="AN73" s="1049"/>
      <c r="AO73" s="1049"/>
      <c r="AP73" s="1049"/>
      <c r="AQ73" s="1049"/>
      <c r="AR73" s="1049"/>
      <c r="AS73" s="1134"/>
      <c r="AT73" s="1159"/>
      <c r="AU73" s="1016"/>
      <c r="AW73" s="537"/>
      <c r="AX73" s="537"/>
      <c r="AY73" s="537"/>
      <c r="AZ73" s="537"/>
    </row>
    <row r="74" spans="1:52" ht="24.75" customHeight="1" x14ac:dyDescent="0.2">
      <c r="A74" s="538"/>
      <c r="B74" s="1016"/>
      <c r="C74" s="1159"/>
      <c r="D74" s="1132"/>
      <c r="E74" s="549" t="s">
        <v>223</v>
      </c>
      <c r="F74" s="511"/>
      <c r="G74" s="511"/>
      <c r="H74" s="511"/>
      <c r="I74" s="511"/>
      <c r="J74" s="511"/>
      <c r="K74" s="511"/>
      <c r="L74" s="511"/>
      <c r="M74" s="511"/>
      <c r="N74" s="511"/>
      <c r="O74" s="511"/>
      <c r="P74" s="511"/>
      <c r="Q74" s="511"/>
      <c r="R74" s="511"/>
      <c r="S74" s="511"/>
      <c r="T74" s="511"/>
      <c r="U74" s="511"/>
      <c r="V74" s="511"/>
      <c r="W74" s="511"/>
      <c r="X74" s="511"/>
      <c r="Y74" s="511"/>
      <c r="Z74" s="511"/>
      <c r="AA74" s="511"/>
      <c r="AB74" s="511"/>
      <c r="AC74" s="511"/>
      <c r="AD74" s="511"/>
      <c r="AE74" s="511"/>
      <c r="AF74" s="511"/>
      <c r="AG74" s="511"/>
      <c r="AH74" s="511"/>
      <c r="AI74" s="511"/>
      <c r="AJ74" s="511"/>
      <c r="AK74" s="511"/>
      <c r="AL74" s="511"/>
      <c r="AM74" s="511"/>
      <c r="AN74" s="511"/>
      <c r="AO74" s="511"/>
      <c r="AP74" s="511"/>
      <c r="AQ74" s="511"/>
      <c r="AR74" s="511"/>
      <c r="AS74" s="512"/>
      <c r="AT74" s="1159"/>
      <c r="AU74" s="1016"/>
      <c r="AW74" s="537"/>
      <c r="AX74" s="537"/>
      <c r="AY74" s="537"/>
      <c r="AZ74" s="537"/>
    </row>
    <row r="75" spans="1:52" s="538" customFormat="1" ht="24.75" customHeight="1" x14ac:dyDescent="0.45">
      <c r="A75" s="539"/>
      <c r="B75" s="1016"/>
      <c r="C75" s="1159"/>
      <c r="D75" s="1132"/>
      <c r="E75" s="531"/>
      <c r="F75" s="1053"/>
      <c r="G75" s="1053"/>
      <c r="H75" s="1053"/>
      <c r="I75" s="1053"/>
      <c r="J75" s="1053"/>
      <c r="K75" s="1053"/>
      <c r="L75" s="1053"/>
      <c r="M75" s="1053"/>
      <c r="N75" s="1053"/>
      <c r="O75" s="1053"/>
      <c r="P75" s="1053"/>
      <c r="Q75" s="1053"/>
      <c r="R75" s="1053"/>
      <c r="S75" s="1053"/>
      <c r="T75" s="1053"/>
      <c r="U75" s="1053"/>
      <c r="V75" s="1053"/>
      <c r="W75" s="1053"/>
      <c r="X75" s="1053"/>
      <c r="Y75" s="1053"/>
      <c r="Z75" s="1053"/>
      <c r="AA75" s="1053"/>
      <c r="AB75" s="1053"/>
      <c r="AC75" s="1053"/>
      <c r="AD75" s="1053"/>
      <c r="AE75" s="1053"/>
      <c r="AF75" s="1053"/>
      <c r="AG75" s="1053"/>
      <c r="AH75" s="1053"/>
      <c r="AI75" s="1053"/>
      <c r="AJ75" s="1053"/>
      <c r="AK75" s="1053"/>
      <c r="AL75" s="1053"/>
      <c r="AM75" s="1053"/>
      <c r="AN75" s="1053"/>
      <c r="AO75" s="1053"/>
      <c r="AP75" s="1053"/>
      <c r="AQ75" s="1053"/>
      <c r="AR75" s="1053"/>
      <c r="AS75" s="1054"/>
      <c r="AT75" s="1159"/>
      <c r="AU75" s="1016"/>
      <c r="AW75" s="540"/>
      <c r="AX75" s="540"/>
      <c r="AY75" s="540"/>
      <c r="AZ75" s="540"/>
    </row>
    <row r="76" spans="1:52" s="539" customFormat="1" ht="18.75" customHeight="1" x14ac:dyDescent="0.45">
      <c r="B76" s="1016"/>
      <c r="C76" s="1159"/>
      <c r="D76" s="1132"/>
      <c r="E76" s="532" t="s">
        <v>3</v>
      </c>
      <c r="F76" s="515"/>
      <c r="G76" s="515"/>
      <c r="H76" s="515"/>
      <c r="I76" s="1055"/>
      <c r="J76" s="1055"/>
      <c r="K76" s="1055"/>
      <c r="L76" s="1055"/>
      <c r="M76" s="1055"/>
      <c r="N76" s="1055"/>
      <c r="O76" s="1055"/>
      <c r="P76" s="1055"/>
      <c r="Q76" s="1055"/>
      <c r="R76" s="1055"/>
      <c r="S76" s="1055"/>
      <c r="T76" s="1055"/>
      <c r="U76" s="1055"/>
      <c r="V76" s="1055"/>
      <c r="W76" s="1055"/>
      <c r="X76" s="1055"/>
      <c r="Y76" s="1055"/>
      <c r="Z76" s="1055"/>
      <c r="AA76" s="1055"/>
      <c r="AB76" s="1055"/>
      <c r="AC76" s="1055"/>
      <c r="AD76" s="1055"/>
      <c r="AE76" s="1055"/>
      <c r="AF76" s="1055"/>
      <c r="AG76" s="1055"/>
      <c r="AH76" s="1055"/>
      <c r="AI76" s="1055"/>
      <c r="AJ76" s="1055"/>
      <c r="AK76" s="1055"/>
      <c r="AL76" s="1055"/>
      <c r="AM76" s="1055"/>
      <c r="AN76" s="1055"/>
      <c r="AO76" s="1055"/>
      <c r="AP76" s="1055"/>
      <c r="AQ76" s="1055"/>
      <c r="AR76" s="1055"/>
      <c r="AS76" s="1058"/>
      <c r="AT76" s="1159"/>
      <c r="AU76" s="1016"/>
      <c r="AW76" s="541"/>
      <c r="AX76" s="541"/>
      <c r="AY76" s="541"/>
      <c r="AZ76" s="541"/>
    </row>
    <row r="77" spans="1:52" s="539" customFormat="1" ht="18.75" customHeight="1" x14ac:dyDescent="0.45">
      <c r="A77" s="538"/>
      <c r="B77" s="1016"/>
      <c r="C77" s="1159"/>
      <c r="D77" s="1132"/>
      <c r="E77" s="533" t="s">
        <v>159</v>
      </c>
      <c r="F77" s="499"/>
      <c r="G77" s="499"/>
      <c r="H77" s="499"/>
      <c r="I77" s="499"/>
      <c r="J77" s="499"/>
      <c r="K77" s="499"/>
      <c r="L77" s="499"/>
      <c r="M77" s="499"/>
      <c r="N77" s="499"/>
      <c r="O77" s="499"/>
      <c r="P77" s="499"/>
      <c r="Q77" s="499"/>
      <c r="R77" s="499"/>
      <c r="S77" s="499"/>
      <c r="T77" s="499"/>
      <c r="U77" s="499"/>
      <c r="V77" s="499"/>
      <c r="W77" s="499"/>
      <c r="X77" s="499"/>
      <c r="Y77" s="499"/>
      <c r="Z77" s="499"/>
      <c r="AA77" s="499"/>
      <c r="AB77" s="499"/>
      <c r="AC77" s="499"/>
      <c r="AD77" s="499"/>
      <c r="AE77" s="499"/>
      <c r="AF77" s="534"/>
      <c r="AG77" s="499"/>
      <c r="AH77" s="499"/>
      <c r="AI77" s="499"/>
      <c r="AJ77" s="499"/>
      <c r="AK77" s="499"/>
      <c r="AL77" s="499"/>
      <c r="AM77" s="499"/>
      <c r="AN77" s="499"/>
      <c r="AO77" s="499"/>
      <c r="AP77" s="499"/>
      <c r="AQ77" s="499"/>
      <c r="AR77" s="499"/>
      <c r="AS77" s="535"/>
      <c r="AT77" s="1159"/>
      <c r="AU77" s="1016"/>
      <c r="AW77" s="541"/>
      <c r="AX77" s="541"/>
      <c r="AY77" s="541"/>
      <c r="AZ77" s="541"/>
    </row>
    <row r="78" spans="1:52" s="538" customFormat="1" ht="18.75" customHeight="1" x14ac:dyDescent="0.45">
      <c r="B78" s="1016"/>
      <c r="C78" s="1159"/>
      <c r="D78" s="1132"/>
      <c r="E78" s="536"/>
      <c r="F78" s="1053"/>
      <c r="G78" s="1053"/>
      <c r="H78" s="1053"/>
      <c r="I78" s="1053"/>
      <c r="J78" s="1053"/>
      <c r="K78" s="1053"/>
      <c r="L78" s="1053"/>
      <c r="M78" s="1053"/>
      <c r="N78" s="1053"/>
      <c r="O78" s="1053"/>
      <c r="P78" s="1053"/>
      <c r="Q78" s="1053"/>
      <c r="R78" s="1053"/>
      <c r="S78" s="1053"/>
      <c r="T78" s="1053"/>
      <c r="U78" s="1053"/>
      <c r="V78" s="1053"/>
      <c r="W78" s="1053"/>
      <c r="X78" s="1053"/>
      <c r="Y78" s="1053"/>
      <c r="Z78" s="1053"/>
      <c r="AA78" s="1053"/>
      <c r="AB78" s="1053"/>
      <c r="AC78" s="1053"/>
      <c r="AD78" s="1053"/>
      <c r="AE78" s="1053"/>
      <c r="AF78" s="1053"/>
      <c r="AG78" s="1053"/>
      <c r="AH78" s="1053"/>
      <c r="AI78" s="1053"/>
      <c r="AJ78" s="1053"/>
      <c r="AK78" s="1053"/>
      <c r="AL78" s="1053"/>
      <c r="AM78" s="1053"/>
      <c r="AN78" s="1053"/>
      <c r="AO78" s="1053"/>
      <c r="AP78" s="1053"/>
      <c r="AQ78" s="1053"/>
      <c r="AR78" s="1053"/>
      <c r="AS78" s="1054"/>
      <c r="AT78" s="1159"/>
      <c r="AU78" s="1016"/>
      <c r="AW78" s="542"/>
      <c r="AX78" s="542"/>
      <c r="AY78" s="542"/>
      <c r="AZ78" s="542"/>
    </row>
    <row r="79" spans="1:52" s="538" customFormat="1" ht="30" customHeight="1" x14ac:dyDescent="0.45">
      <c r="B79" s="1016"/>
      <c r="C79" s="1159"/>
      <c r="D79" s="1132"/>
      <c r="E79" s="1137" t="s">
        <v>224</v>
      </c>
      <c r="F79" s="1138"/>
      <c r="G79" s="1138"/>
      <c r="H79" s="1138"/>
      <c r="I79" s="1138"/>
      <c r="J79" s="1138"/>
      <c r="K79" s="1138"/>
      <c r="L79" s="1138"/>
      <c r="M79" s="1138"/>
      <c r="N79" s="1138"/>
      <c r="O79" s="1138"/>
      <c r="P79" s="1138"/>
      <c r="Q79" s="1138"/>
      <c r="R79" s="1138"/>
      <c r="S79" s="1138"/>
      <c r="T79" s="1138"/>
      <c r="U79" s="1139"/>
      <c r="V79" s="1140" t="s">
        <v>7</v>
      </c>
      <c r="W79" s="1141"/>
      <c r="X79" s="1141"/>
      <c r="Y79" s="1141"/>
      <c r="Z79" s="1141"/>
      <c r="AA79" s="1141"/>
      <c r="AB79" s="1141"/>
      <c r="AC79" s="1141"/>
      <c r="AD79" s="1141"/>
      <c r="AE79" s="1141"/>
      <c r="AF79" s="1141"/>
      <c r="AG79" s="1141"/>
      <c r="AH79" s="1142"/>
      <c r="AI79" s="1149" t="s">
        <v>160</v>
      </c>
      <c r="AJ79" s="1149"/>
      <c r="AK79" s="1149"/>
      <c r="AL79" s="1149"/>
      <c r="AM79" s="1149"/>
      <c r="AN79" s="1149"/>
      <c r="AO79" s="1149"/>
      <c r="AP79" s="1149"/>
      <c r="AQ79" s="1149"/>
      <c r="AR79" s="1149"/>
      <c r="AS79" s="1150"/>
      <c r="AT79" s="1159"/>
      <c r="AU79" s="1016"/>
      <c r="AW79" s="542"/>
      <c r="AX79" s="542"/>
      <c r="AY79" s="542"/>
      <c r="AZ79" s="542"/>
    </row>
    <row r="80" spans="1:52" s="538" customFormat="1" ht="15" customHeight="1" x14ac:dyDescent="0.45">
      <c r="B80" s="1016"/>
      <c r="C80" s="1159"/>
      <c r="D80" s="1132"/>
      <c r="E80" s="1143" t="s">
        <v>53</v>
      </c>
      <c r="F80" s="1144"/>
      <c r="G80" s="1144"/>
      <c r="H80" s="1144"/>
      <c r="I80" s="1144"/>
      <c r="J80" s="1144"/>
      <c r="K80" s="1144"/>
      <c r="L80" s="1144"/>
      <c r="M80" s="1144"/>
      <c r="N80" s="1144"/>
      <c r="O80" s="1144"/>
      <c r="P80" s="1144"/>
      <c r="Q80" s="1144"/>
      <c r="R80" s="1144"/>
      <c r="S80" s="1144"/>
      <c r="T80" s="1144"/>
      <c r="U80" s="1145"/>
      <c r="V80" s="1140"/>
      <c r="W80" s="1141"/>
      <c r="X80" s="1141"/>
      <c r="Y80" s="1141"/>
      <c r="Z80" s="1141"/>
      <c r="AA80" s="1141"/>
      <c r="AB80" s="1141"/>
      <c r="AC80" s="1141"/>
      <c r="AD80" s="1141"/>
      <c r="AE80" s="1141"/>
      <c r="AF80" s="1141"/>
      <c r="AG80" s="1141"/>
      <c r="AH80" s="1142"/>
      <c r="AI80" s="1146"/>
      <c r="AJ80" s="1147"/>
      <c r="AK80" s="1147"/>
      <c r="AL80" s="1147"/>
      <c r="AM80" s="1147"/>
      <c r="AN80" s="1147"/>
      <c r="AO80" s="1147"/>
      <c r="AP80" s="1147"/>
      <c r="AQ80" s="1147"/>
      <c r="AR80" s="1147"/>
      <c r="AS80" s="1148"/>
      <c r="AT80" s="1159"/>
      <c r="AU80" s="1016"/>
      <c r="AW80" s="542"/>
      <c r="AX80" s="542"/>
      <c r="AY80" s="542"/>
      <c r="AZ80" s="542"/>
    </row>
    <row r="81" spans="1:52" s="538" customFormat="1" ht="15" customHeight="1" x14ac:dyDescent="0.45">
      <c r="B81" s="1016"/>
      <c r="C81" s="1159"/>
      <c r="D81" s="1132"/>
      <c r="E81" s="1143" t="s">
        <v>53</v>
      </c>
      <c r="F81" s="1144"/>
      <c r="G81" s="1144"/>
      <c r="H81" s="1144"/>
      <c r="I81" s="1144"/>
      <c r="J81" s="1144"/>
      <c r="K81" s="1144"/>
      <c r="L81" s="1144"/>
      <c r="M81" s="1144"/>
      <c r="N81" s="1144"/>
      <c r="O81" s="1144"/>
      <c r="P81" s="1144"/>
      <c r="Q81" s="1144"/>
      <c r="R81" s="1144"/>
      <c r="S81" s="1144"/>
      <c r="T81" s="1144"/>
      <c r="U81" s="1145"/>
      <c r="V81" s="1140"/>
      <c r="W81" s="1141"/>
      <c r="X81" s="1141"/>
      <c r="Y81" s="1141"/>
      <c r="Z81" s="1141"/>
      <c r="AA81" s="1141"/>
      <c r="AB81" s="1141"/>
      <c r="AC81" s="1141"/>
      <c r="AD81" s="1141"/>
      <c r="AE81" s="1141"/>
      <c r="AF81" s="1141"/>
      <c r="AG81" s="1141"/>
      <c r="AH81" s="1142"/>
      <c r="AI81" s="1146"/>
      <c r="AJ81" s="1147"/>
      <c r="AK81" s="1147"/>
      <c r="AL81" s="1147"/>
      <c r="AM81" s="1147"/>
      <c r="AN81" s="1147"/>
      <c r="AO81" s="1147"/>
      <c r="AP81" s="1147"/>
      <c r="AQ81" s="1147"/>
      <c r="AR81" s="1147"/>
      <c r="AS81" s="1148"/>
      <c r="AT81" s="1159"/>
      <c r="AU81" s="1016"/>
      <c r="AW81" s="542"/>
      <c r="AX81" s="542"/>
      <c r="AY81" s="542"/>
      <c r="AZ81" s="542"/>
    </row>
    <row r="82" spans="1:52" s="538" customFormat="1" ht="15" customHeight="1" x14ac:dyDescent="0.45">
      <c r="B82" s="1016"/>
      <c r="C82" s="1159"/>
      <c r="D82" s="1132"/>
      <c r="E82" s="1143" t="s">
        <v>53</v>
      </c>
      <c r="F82" s="1144"/>
      <c r="G82" s="1144"/>
      <c r="H82" s="1144"/>
      <c r="I82" s="1144"/>
      <c r="J82" s="1144"/>
      <c r="K82" s="1144"/>
      <c r="L82" s="1144"/>
      <c r="M82" s="1144"/>
      <c r="N82" s="1144"/>
      <c r="O82" s="1144"/>
      <c r="P82" s="1144"/>
      <c r="Q82" s="1144"/>
      <c r="R82" s="1144"/>
      <c r="S82" s="1144"/>
      <c r="T82" s="1144"/>
      <c r="U82" s="1145"/>
      <c r="V82" s="1140"/>
      <c r="W82" s="1141"/>
      <c r="X82" s="1141"/>
      <c r="Y82" s="1141"/>
      <c r="Z82" s="1141"/>
      <c r="AA82" s="1141"/>
      <c r="AB82" s="1141"/>
      <c r="AC82" s="1141"/>
      <c r="AD82" s="1141"/>
      <c r="AE82" s="1141"/>
      <c r="AF82" s="1141"/>
      <c r="AG82" s="1141"/>
      <c r="AH82" s="1142"/>
      <c r="AI82" s="1146"/>
      <c r="AJ82" s="1147"/>
      <c r="AK82" s="1147"/>
      <c r="AL82" s="1147"/>
      <c r="AM82" s="1147"/>
      <c r="AN82" s="1147"/>
      <c r="AO82" s="1147"/>
      <c r="AP82" s="1147"/>
      <c r="AQ82" s="1147"/>
      <c r="AR82" s="1147"/>
      <c r="AS82" s="1148"/>
      <c r="AT82" s="1159"/>
      <c r="AU82" s="1016"/>
      <c r="AW82" s="542"/>
      <c r="AX82" s="542"/>
      <c r="AY82" s="542"/>
      <c r="AZ82" s="542"/>
    </row>
    <row r="83" spans="1:52" s="538" customFormat="1" ht="15" customHeight="1" x14ac:dyDescent="0.45">
      <c r="B83" s="1016"/>
      <c r="C83" s="1159"/>
      <c r="D83" s="1132"/>
      <c r="E83" s="1143" t="s">
        <v>53</v>
      </c>
      <c r="F83" s="1144"/>
      <c r="G83" s="1144"/>
      <c r="H83" s="1144"/>
      <c r="I83" s="1144"/>
      <c r="J83" s="1144"/>
      <c r="K83" s="1144"/>
      <c r="L83" s="1144"/>
      <c r="M83" s="1144"/>
      <c r="N83" s="1144"/>
      <c r="O83" s="1144"/>
      <c r="P83" s="1144"/>
      <c r="Q83" s="1144"/>
      <c r="R83" s="1144"/>
      <c r="S83" s="1144"/>
      <c r="T83" s="1144"/>
      <c r="U83" s="1145"/>
      <c r="V83" s="1140"/>
      <c r="W83" s="1141"/>
      <c r="X83" s="1141"/>
      <c r="Y83" s="1141"/>
      <c r="Z83" s="1141"/>
      <c r="AA83" s="1141"/>
      <c r="AB83" s="1141"/>
      <c r="AC83" s="1141"/>
      <c r="AD83" s="1141"/>
      <c r="AE83" s="1141"/>
      <c r="AF83" s="1141"/>
      <c r="AG83" s="1141"/>
      <c r="AH83" s="1142"/>
      <c r="AI83" s="1149"/>
      <c r="AJ83" s="1149"/>
      <c r="AK83" s="1149"/>
      <c r="AL83" s="1149"/>
      <c r="AM83" s="1149"/>
      <c r="AN83" s="1149"/>
      <c r="AO83" s="1149"/>
      <c r="AP83" s="1149"/>
      <c r="AQ83" s="1149"/>
      <c r="AR83" s="1149"/>
      <c r="AS83" s="1150"/>
      <c r="AT83" s="1159"/>
      <c r="AU83" s="1016"/>
      <c r="AW83" s="542"/>
      <c r="AX83" s="542"/>
      <c r="AY83" s="542"/>
      <c r="AZ83" s="542"/>
    </row>
    <row r="84" spans="1:52" s="538" customFormat="1" ht="15" customHeight="1" thickBot="1" x14ac:dyDescent="0.5">
      <c r="B84" s="1016"/>
      <c r="C84" s="1159"/>
      <c r="D84" s="1133"/>
      <c r="E84" s="1151" t="s">
        <v>53</v>
      </c>
      <c r="F84" s="1152"/>
      <c r="G84" s="1152"/>
      <c r="H84" s="1152"/>
      <c r="I84" s="1152"/>
      <c r="J84" s="1152"/>
      <c r="K84" s="1152"/>
      <c r="L84" s="1152"/>
      <c r="M84" s="1152"/>
      <c r="N84" s="1152"/>
      <c r="O84" s="1152"/>
      <c r="P84" s="1152"/>
      <c r="Q84" s="1152"/>
      <c r="R84" s="1152"/>
      <c r="S84" s="1152"/>
      <c r="T84" s="1152"/>
      <c r="U84" s="1153"/>
      <c r="V84" s="1154"/>
      <c r="W84" s="1155"/>
      <c r="X84" s="1155"/>
      <c r="Y84" s="1155"/>
      <c r="Z84" s="1155"/>
      <c r="AA84" s="1155"/>
      <c r="AB84" s="1155"/>
      <c r="AC84" s="1155"/>
      <c r="AD84" s="1155"/>
      <c r="AE84" s="1155"/>
      <c r="AF84" s="1155"/>
      <c r="AG84" s="1155"/>
      <c r="AH84" s="1156"/>
      <c r="AI84" s="1157"/>
      <c r="AJ84" s="1157"/>
      <c r="AK84" s="1157"/>
      <c r="AL84" s="1157"/>
      <c r="AM84" s="1157"/>
      <c r="AN84" s="1157"/>
      <c r="AO84" s="1157"/>
      <c r="AP84" s="1157"/>
      <c r="AQ84" s="1157"/>
      <c r="AR84" s="1157"/>
      <c r="AS84" s="1158"/>
      <c r="AT84" s="1159"/>
      <c r="AU84" s="1016"/>
      <c r="AW84" s="542"/>
      <c r="AX84" s="542"/>
      <c r="AY84" s="542"/>
      <c r="AZ84" s="542"/>
    </row>
    <row r="85" spans="1:52" s="543" customFormat="1" ht="11.25" customHeight="1" x14ac:dyDescent="0.2">
      <c r="A85" s="497"/>
      <c r="B85" s="1016"/>
      <c r="C85" s="1159"/>
      <c r="D85" s="1175" t="s">
        <v>32</v>
      </c>
      <c r="E85" s="1179"/>
      <c r="F85" s="1180"/>
      <c r="G85" s="1180"/>
      <c r="H85" s="1180"/>
      <c r="I85" s="1180"/>
      <c r="J85" s="1180"/>
      <c r="K85" s="1180"/>
      <c r="L85" s="1180"/>
      <c r="M85" s="1180"/>
      <c r="N85" s="1180"/>
      <c r="O85" s="1180"/>
      <c r="P85" s="1180"/>
      <c r="Q85" s="1180"/>
      <c r="R85" s="1180"/>
      <c r="S85" s="1180"/>
      <c r="T85" s="1180"/>
      <c r="U85" s="1180"/>
      <c r="V85" s="1180"/>
      <c r="W85" s="1180"/>
      <c r="X85" s="1180"/>
      <c r="Y85" s="1180"/>
      <c r="Z85" s="1180"/>
      <c r="AA85" s="1180"/>
      <c r="AB85" s="1180"/>
      <c r="AC85" s="1180"/>
      <c r="AD85" s="1180"/>
      <c r="AE85" s="1180"/>
      <c r="AF85" s="1180"/>
      <c r="AG85" s="1180"/>
      <c r="AH85" s="1180"/>
      <c r="AI85" s="1180"/>
      <c r="AJ85" s="1180"/>
      <c r="AK85" s="1180"/>
      <c r="AL85" s="1180"/>
      <c r="AM85" s="1180"/>
      <c r="AN85" s="1180"/>
      <c r="AO85" s="1180"/>
      <c r="AP85" s="1180"/>
      <c r="AQ85" s="1180"/>
      <c r="AR85" s="1180"/>
      <c r="AS85" s="1181"/>
      <c r="AT85" s="1159"/>
      <c r="AU85" s="1016"/>
      <c r="AW85" s="544"/>
      <c r="AX85" s="544"/>
      <c r="AY85" s="544"/>
      <c r="AZ85" s="544"/>
    </row>
    <row r="86" spans="1:52" s="543" customFormat="1" ht="11.25" customHeight="1" x14ac:dyDescent="0.2">
      <c r="A86" s="497"/>
      <c r="B86" s="1016"/>
      <c r="C86" s="1159"/>
      <c r="D86" s="1176"/>
      <c r="E86" s="1182"/>
      <c r="F86" s="1183"/>
      <c r="G86" s="1183"/>
      <c r="H86" s="1183"/>
      <c r="I86" s="1183"/>
      <c r="J86" s="1183"/>
      <c r="K86" s="1183"/>
      <c r="L86" s="1183"/>
      <c r="M86" s="1183"/>
      <c r="N86" s="1183"/>
      <c r="O86" s="1183"/>
      <c r="P86" s="1183"/>
      <c r="Q86" s="1183"/>
      <c r="R86" s="1183"/>
      <c r="S86" s="1183"/>
      <c r="T86" s="1183"/>
      <c r="U86" s="1183"/>
      <c r="V86" s="1183"/>
      <c r="W86" s="1183"/>
      <c r="X86" s="1183"/>
      <c r="Y86" s="1183"/>
      <c r="Z86" s="1183"/>
      <c r="AA86" s="1183"/>
      <c r="AB86" s="1183"/>
      <c r="AC86" s="1183"/>
      <c r="AD86" s="1183"/>
      <c r="AE86" s="1183"/>
      <c r="AF86" s="1183"/>
      <c r="AG86" s="1183"/>
      <c r="AH86" s="1183"/>
      <c r="AI86" s="1183"/>
      <c r="AJ86" s="1183"/>
      <c r="AK86" s="1183"/>
      <c r="AL86" s="1183"/>
      <c r="AM86" s="1183"/>
      <c r="AN86" s="1183"/>
      <c r="AO86" s="1183"/>
      <c r="AP86" s="1183"/>
      <c r="AQ86" s="1183"/>
      <c r="AR86" s="1183"/>
      <c r="AS86" s="1184"/>
      <c r="AT86" s="1159"/>
      <c r="AU86" s="1016"/>
      <c r="AW86" s="544"/>
      <c r="AX86" s="544"/>
      <c r="AY86" s="544"/>
      <c r="AZ86" s="544"/>
    </row>
    <row r="87" spans="1:52" s="543" customFormat="1" ht="11.25" customHeight="1" x14ac:dyDescent="0.2">
      <c r="A87" s="497"/>
      <c r="B87" s="1016"/>
      <c r="C87" s="1159"/>
      <c r="D87" s="1176"/>
      <c r="E87" s="1182"/>
      <c r="F87" s="1183"/>
      <c r="G87" s="1183"/>
      <c r="H87" s="1183"/>
      <c r="I87" s="1183"/>
      <c r="J87" s="1183"/>
      <c r="K87" s="1183"/>
      <c r="L87" s="1183"/>
      <c r="M87" s="1183"/>
      <c r="N87" s="1183"/>
      <c r="O87" s="1183"/>
      <c r="P87" s="1183"/>
      <c r="Q87" s="1183"/>
      <c r="R87" s="1183"/>
      <c r="S87" s="1183"/>
      <c r="T87" s="1183"/>
      <c r="U87" s="1183"/>
      <c r="V87" s="1183"/>
      <c r="W87" s="1183"/>
      <c r="X87" s="1183"/>
      <c r="Y87" s="1183"/>
      <c r="Z87" s="1183"/>
      <c r="AA87" s="1183"/>
      <c r="AB87" s="1183"/>
      <c r="AC87" s="1183"/>
      <c r="AD87" s="1183"/>
      <c r="AE87" s="1183"/>
      <c r="AF87" s="1183"/>
      <c r="AG87" s="1183"/>
      <c r="AH87" s="1183"/>
      <c r="AI87" s="1183"/>
      <c r="AJ87" s="1183"/>
      <c r="AK87" s="1183"/>
      <c r="AL87" s="1183"/>
      <c r="AM87" s="1183"/>
      <c r="AN87" s="1183"/>
      <c r="AO87" s="1183"/>
      <c r="AP87" s="1183"/>
      <c r="AQ87" s="1183"/>
      <c r="AR87" s="1183"/>
      <c r="AS87" s="1184"/>
      <c r="AT87" s="1159"/>
      <c r="AU87" s="1016"/>
      <c r="AW87" s="544"/>
      <c r="AX87" s="544"/>
      <c r="AY87" s="544"/>
      <c r="AZ87" s="544"/>
    </row>
    <row r="88" spans="1:52" s="543" customFormat="1" ht="11.25" customHeight="1" x14ac:dyDescent="0.2">
      <c r="A88" s="497"/>
      <c r="B88" s="1016"/>
      <c r="C88" s="1159"/>
      <c r="D88" s="1176"/>
      <c r="E88" s="1182"/>
      <c r="F88" s="1183"/>
      <c r="G88" s="1183"/>
      <c r="H88" s="1183"/>
      <c r="I88" s="1183"/>
      <c r="J88" s="1183"/>
      <c r="K88" s="1183"/>
      <c r="L88" s="1183"/>
      <c r="M88" s="1183"/>
      <c r="N88" s="1183"/>
      <c r="O88" s="1183"/>
      <c r="P88" s="1183"/>
      <c r="Q88" s="1183"/>
      <c r="R88" s="1183"/>
      <c r="S88" s="1183"/>
      <c r="T88" s="1183"/>
      <c r="U88" s="1183"/>
      <c r="V88" s="1183"/>
      <c r="W88" s="1183"/>
      <c r="X88" s="1183"/>
      <c r="Y88" s="1183"/>
      <c r="Z88" s="1183"/>
      <c r="AA88" s="1183"/>
      <c r="AB88" s="1183"/>
      <c r="AC88" s="1183"/>
      <c r="AD88" s="1183"/>
      <c r="AE88" s="1183"/>
      <c r="AF88" s="1183"/>
      <c r="AG88" s="1183"/>
      <c r="AH88" s="1183"/>
      <c r="AI88" s="1183"/>
      <c r="AJ88" s="1183"/>
      <c r="AK88" s="1183"/>
      <c r="AL88" s="1183"/>
      <c r="AM88" s="1183"/>
      <c r="AN88" s="1183"/>
      <c r="AO88" s="1183"/>
      <c r="AP88" s="1183"/>
      <c r="AQ88" s="1183"/>
      <c r="AR88" s="1183"/>
      <c r="AS88" s="1184"/>
      <c r="AT88" s="1159"/>
      <c r="AU88" s="1016"/>
      <c r="AW88" s="544"/>
      <c r="AX88" s="544"/>
      <c r="AY88" s="544"/>
      <c r="AZ88" s="544"/>
    </row>
    <row r="89" spans="1:52" ht="11.25" customHeight="1" x14ac:dyDescent="0.2">
      <c r="B89" s="1016"/>
      <c r="C89" s="1159"/>
      <c r="D89" s="1177"/>
      <c r="E89" s="1182"/>
      <c r="F89" s="1183"/>
      <c r="G89" s="1183"/>
      <c r="H89" s="1183"/>
      <c r="I89" s="1183"/>
      <c r="J89" s="1183"/>
      <c r="K89" s="1183"/>
      <c r="L89" s="1183"/>
      <c r="M89" s="1183"/>
      <c r="N89" s="1183"/>
      <c r="O89" s="1183"/>
      <c r="P89" s="1183"/>
      <c r="Q89" s="1183"/>
      <c r="R89" s="1183"/>
      <c r="S89" s="1183"/>
      <c r="T89" s="1183"/>
      <c r="U89" s="1183"/>
      <c r="V89" s="1183"/>
      <c r="W89" s="1183"/>
      <c r="X89" s="1183"/>
      <c r="Y89" s="1183"/>
      <c r="Z89" s="1183"/>
      <c r="AA89" s="1183"/>
      <c r="AB89" s="1183"/>
      <c r="AC89" s="1183"/>
      <c r="AD89" s="1183"/>
      <c r="AE89" s="1183"/>
      <c r="AF89" s="1183"/>
      <c r="AG89" s="1183"/>
      <c r="AH89" s="1183"/>
      <c r="AI89" s="1183"/>
      <c r="AJ89" s="1183"/>
      <c r="AK89" s="1183"/>
      <c r="AL89" s="1183"/>
      <c r="AM89" s="1183"/>
      <c r="AN89" s="1183"/>
      <c r="AO89" s="1183"/>
      <c r="AP89" s="1183"/>
      <c r="AQ89" s="1183"/>
      <c r="AR89" s="1183"/>
      <c r="AS89" s="1184"/>
      <c r="AT89" s="1159"/>
      <c r="AU89" s="1016"/>
      <c r="AW89" s="537"/>
      <c r="AX89" s="537"/>
      <c r="AY89" s="537"/>
      <c r="AZ89" s="537"/>
    </row>
    <row r="90" spans="1:52" ht="11.25" customHeight="1" thickBot="1" x14ac:dyDescent="0.25">
      <c r="B90" s="1016"/>
      <c r="C90" s="1159"/>
      <c r="D90" s="1178"/>
      <c r="E90" s="1185"/>
      <c r="F90" s="1186"/>
      <c r="G90" s="1186"/>
      <c r="H90" s="1186"/>
      <c r="I90" s="1186"/>
      <c r="J90" s="1186"/>
      <c r="K90" s="1186"/>
      <c r="L90" s="1186"/>
      <c r="M90" s="1186"/>
      <c r="N90" s="1186"/>
      <c r="O90" s="1186"/>
      <c r="P90" s="1186"/>
      <c r="Q90" s="1186"/>
      <c r="R90" s="1186"/>
      <c r="S90" s="1186"/>
      <c r="T90" s="1186"/>
      <c r="U90" s="1186"/>
      <c r="V90" s="1186"/>
      <c r="W90" s="1186"/>
      <c r="X90" s="1186"/>
      <c r="Y90" s="1186"/>
      <c r="Z90" s="1186"/>
      <c r="AA90" s="1186"/>
      <c r="AB90" s="1186"/>
      <c r="AC90" s="1186"/>
      <c r="AD90" s="1186"/>
      <c r="AE90" s="1186"/>
      <c r="AF90" s="1186"/>
      <c r="AG90" s="1186"/>
      <c r="AH90" s="1186"/>
      <c r="AI90" s="1186"/>
      <c r="AJ90" s="1186"/>
      <c r="AK90" s="1186"/>
      <c r="AL90" s="1186"/>
      <c r="AM90" s="1186"/>
      <c r="AN90" s="1186"/>
      <c r="AO90" s="1186"/>
      <c r="AP90" s="1186"/>
      <c r="AQ90" s="1186"/>
      <c r="AR90" s="1186"/>
      <c r="AS90" s="1187"/>
      <c r="AT90" s="1159"/>
      <c r="AU90" s="1016"/>
      <c r="AW90" s="537"/>
      <c r="AX90" s="537"/>
      <c r="AY90" s="537"/>
      <c r="AZ90" s="537"/>
    </row>
    <row r="91" spans="1:52" s="130" customFormat="1" ht="19.2" customHeight="1" x14ac:dyDescent="0.2">
      <c r="A91" s="129"/>
      <c r="B91" s="129"/>
      <c r="C91" s="1188" t="s">
        <v>182</v>
      </c>
      <c r="D91" s="1188"/>
      <c r="E91" s="1188"/>
      <c r="F91" s="1188"/>
      <c r="G91" s="1188"/>
      <c r="H91" s="1188"/>
      <c r="I91" s="1188"/>
      <c r="J91" s="1188"/>
      <c r="K91" s="1188"/>
      <c r="L91" s="1188"/>
      <c r="M91" s="1188"/>
      <c r="N91" s="1188"/>
      <c r="O91" s="1188"/>
      <c r="P91" s="1188"/>
      <c r="Q91" s="1188"/>
      <c r="R91" s="1188"/>
      <c r="S91" s="1188"/>
      <c r="T91" s="1188"/>
      <c r="U91" s="1188"/>
      <c r="V91" s="1188"/>
      <c r="W91" s="1188"/>
      <c r="X91" s="1188"/>
      <c r="Y91" s="1188"/>
      <c r="Z91" s="1188"/>
      <c r="AA91" s="1188"/>
      <c r="AB91" s="1188"/>
      <c r="AC91" s="1188"/>
      <c r="AD91" s="1188"/>
      <c r="AE91" s="1188"/>
      <c r="AF91" s="1188"/>
      <c r="AG91" s="1188"/>
      <c r="AH91" s="1188"/>
      <c r="AI91" s="1188"/>
      <c r="AJ91" s="1188"/>
      <c r="AK91" s="1188"/>
      <c r="AL91" s="1188"/>
      <c r="AM91" s="1188"/>
      <c r="AN91" s="1188"/>
      <c r="AO91" s="1188"/>
      <c r="AP91" s="1188"/>
      <c r="AQ91" s="1188"/>
      <c r="AR91" s="1188"/>
      <c r="AS91" s="1188"/>
      <c r="AT91" s="1188"/>
      <c r="AU91" s="129"/>
      <c r="AV91" s="129"/>
      <c r="AW91" s="129"/>
    </row>
    <row r="92" spans="1:52" s="130" customFormat="1" ht="26.4" customHeight="1" x14ac:dyDescent="0.2">
      <c r="A92" s="129"/>
      <c r="B92" s="129"/>
      <c r="C92" s="1188"/>
      <c r="D92" s="1188"/>
      <c r="E92" s="1188"/>
      <c r="F92" s="1188"/>
      <c r="G92" s="1188"/>
      <c r="H92" s="1188"/>
      <c r="I92" s="1188"/>
      <c r="J92" s="1188"/>
      <c r="K92" s="1188"/>
      <c r="L92" s="1188"/>
      <c r="M92" s="1188"/>
      <c r="N92" s="1188"/>
      <c r="O92" s="1188"/>
      <c r="P92" s="1188"/>
      <c r="Q92" s="1188"/>
      <c r="R92" s="1188"/>
      <c r="S92" s="1188"/>
      <c r="T92" s="1188"/>
      <c r="U92" s="1188"/>
      <c r="V92" s="1188"/>
      <c r="W92" s="1188"/>
      <c r="X92" s="1188"/>
      <c r="Y92" s="1188"/>
      <c r="Z92" s="1188"/>
      <c r="AA92" s="1188"/>
      <c r="AB92" s="1188"/>
      <c r="AC92" s="1188"/>
      <c r="AD92" s="1188"/>
      <c r="AE92" s="1188"/>
      <c r="AF92" s="1188"/>
      <c r="AG92" s="1188"/>
      <c r="AH92" s="1188"/>
      <c r="AI92" s="1188"/>
      <c r="AJ92" s="1188"/>
      <c r="AK92" s="1188"/>
      <c r="AL92" s="1188"/>
      <c r="AM92" s="1188"/>
      <c r="AN92" s="1188"/>
      <c r="AO92" s="1188"/>
      <c r="AP92" s="1188"/>
      <c r="AQ92" s="1188"/>
      <c r="AR92" s="1188"/>
      <c r="AS92" s="1188"/>
      <c r="AT92" s="1188"/>
      <c r="AU92" s="129"/>
      <c r="AV92" s="129"/>
      <c r="AW92" s="129"/>
    </row>
    <row r="93" spans="1:52" s="130" customFormat="1" ht="28.95" customHeight="1" x14ac:dyDescent="0.2">
      <c r="A93" s="129"/>
      <c r="B93" s="129"/>
      <c r="C93" s="1188"/>
      <c r="D93" s="1188"/>
      <c r="E93" s="1188"/>
      <c r="F93" s="1188"/>
      <c r="G93" s="1188"/>
      <c r="H93" s="1188"/>
      <c r="I93" s="1188"/>
      <c r="J93" s="1188"/>
      <c r="K93" s="1188"/>
      <c r="L93" s="1188"/>
      <c r="M93" s="1188"/>
      <c r="N93" s="1188"/>
      <c r="O93" s="1188"/>
      <c r="P93" s="1188"/>
      <c r="Q93" s="1188"/>
      <c r="R93" s="1188"/>
      <c r="S93" s="1188"/>
      <c r="T93" s="1188"/>
      <c r="U93" s="1188"/>
      <c r="V93" s="1188"/>
      <c r="W93" s="1188"/>
      <c r="X93" s="1188"/>
      <c r="Y93" s="1188"/>
      <c r="Z93" s="1188"/>
      <c r="AA93" s="1188"/>
      <c r="AB93" s="1188"/>
      <c r="AC93" s="1188"/>
      <c r="AD93" s="1188"/>
      <c r="AE93" s="1188"/>
      <c r="AF93" s="1188"/>
      <c r="AG93" s="1188"/>
      <c r="AH93" s="1188"/>
      <c r="AI93" s="1188"/>
      <c r="AJ93" s="1188"/>
      <c r="AK93" s="1188"/>
      <c r="AL93" s="1188"/>
      <c r="AM93" s="1188"/>
      <c r="AN93" s="1188"/>
      <c r="AO93" s="1188"/>
      <c r="AP93" s="1188"/>
      <c r="AQ93" s="1188"/>
      <c r="AR93" s="1188"/>
      <c r="AS93" s="1188"/>
      <c r="AT93" s="1188"/>
      <c r="AU93" s="129"/>
      <c r="AV93" s="129"/>
      <c r="AW93" s="129"/>
    </row>
  </sheetData>
  <mergeCells count="164">
    <mergeCell ref="D7:AS8"/>
    <mergeCell ref="E84:U84"/>
    <mergeCell ref="V84:AH84"/>
    <mergeCell ref="AI84:AS84"/>
    <mergeCell ref="D85:D90"/>
    <mergeCell ref="E85:AS90"/>
    <mergeCell ref="C91:AT93"/>
    <mergeCell ref="AI81:AS81"/>
    <mergeCell ref="E82:U82"/>
    <mergeCell ref="V82:AH82"/>
    <mergeCell ref="AI82:AS82"/>
    <mergeCell ref="E83:U83"/>
    <mergeCell ref="V83:AH83"/>
    <mergeCell ref="AI83:AS83"/>
    <mergeCell ref="AT73:AT90"/>
    <mergeCell ref="D72:D84"/>
    <mergeCell ref="I72:Q72"/>
    <mergeCell ref="V72:AE72"/>
    <mergeCell ref="AJ72:AS72"/>
    <mergeCell ref="E68:U68"/>
    <mergeCell ref="V68:AH68"/>
    <mergeCell ref="AI68:AS68"/>
    <mergeCell ref="E69:U69"/>
    <mergeCell ref="V69:AH69"/>
    <mergeCell ref="V66:AH66"/>
    <mergeCell ref="AI66:AS66"/>
    <mergeCell ref="E67:U67"/>
    <mergeCell ref="V67:AH67"/>
    <mergeCell ref="AI67:AS67"/>
    <mergeCell ref="AU73:AU90"/>
    <mergeCell ref="F75:AS75"/>
    <mergeCell ref="I76:AS76"/>
    <mergeCell ref="F78:AS78"/>
    <mergeCell ref="E79:U79"/>
    <mergeCell ref="V79:AH79"/>
    <mergeCell ref="AI79:AS79"/>
    <mergeCell ref="E80:U80"/>
    <mergeCell ref="V80:AH80"/>
    <mergeCell ref="V58:AH58"/>
    <mergeCell ref="AI58:AS58"/>
    <mergeCell ref="I59:Q59"/>
    <mergeCell ref="V59:AE59"/>
    <mergeCell ref="AJ59:AS59"/>
    <mergeCell ref="L60:AS60"/>
    <mergeCell ref="F62:AS62"/>
    <mergeCell ref="I63:AS63"/>
    <mergeCell ref="B73:B90"/>
    <mergeCell ref="C73:C90"/>
    <mergeCell ref="L73:AS73"/>
    <mergeCell ref="AI80:AS80"/>
    <mergeCell ref="E81:U81"/>
    <mergeCell ref="V81:AH81"/>
    <mergeCell ref="E70:U70"/>
    <mergeCell ref="V70:AH70"/>
    <mergeCell ref="AI70:AS70"/>
    <mergeCell ref="E71:U71"/>
    <mergeCell ref="V71:AH71"/>
    <mergeCell ref="AI71:AS71"/>
    <mergeCell ref="D59:D71"/>
    <mergeCell ref="AI69:AS69"/>
    <mergeCell ref="F65:AS65"/>
    <mergeCell ref="E66:U66"/>
    <mergeCell ref="D46:D58"/>
    <mergeCell ref="I46:Q46"/>
    <mergeCell ref="V46:AE46"/>
    <mergeCell ref="AJ46:AS46"/>
    <mergeCell ref="L47:AS47"/>
    <mergeCell ref="F49:AS49"/>
    <mergeCell ref="I50:AS50"/>
    <mergeCell ref="F52:AS52"/>
    <mergeCell ref="E53:U53"/>
    <mergeCell ref="V53:AH53"/>
    <mergeCell ref="E56:U56"/>
    <mergeCell ref="V56:AH56"/>
    <mergeCell ref="AI56:AS56"/>
    <mergeCell ref="E57:U57"/>
    <mergeCell ref="V57:AH57"/>
    <mergeCell ref="AI57:AS57"/>
    <mergeCell ref="AI53:AS53"/>
    <mergeCell ref="E54:U54"/>
    <mergeCell ref="V54:AH54"/>
    <mergeCell ref="AI54:AS54"/>
    <mergeCell ref="E55:U55"/>
    <mergeCell ref="V55:AH55"/>
    <mergeCell ref="AI55:AS55"/>
    <mergeCell ref="E58:U58"/>
    <mergeCell ref="D38:D44"/>
    <mergeCell ref="E38:P38"/>
    <mergeCell ref="Q38:AF38"/>
    <mergeCell ref="AG38:AS38"/>
    <mergeCell ref="E39:AB39"/>
    <mergeCell ref="AC39:AS39"/>
    <mergeCell ref="E40:M41"/>
    <mergeCell ref="N40:AS40"/>
    <mergeCell ref="E33:M34"/>
    <mergeCell ref="N33:AS33"/>
    <mergeCell ref="N34:AS34"/>
    <mergeCell ref="E35:M35"/>
    <mergeCell ref="N35:AS35"/>
    <mergeCell ref="E36:J36"/>
    <mergeCell ref="K36:AS36"/>
    <mergeCell ref="N41:AS41"/>
    <mergeCell ref="E42:M42"/>
    <mergeCell ref="N42:AS42"/>
    <mergeCell ref="E43:J43"/>
    <mergeCell ref="K43:AS43"/>
    <mergeCell ref="E44:J44"/>
    <mergeCell ref="K44:AS44"/>
    <mergeCell ref="E37:J37"/>
    <mergeCell ref="K37:AS37"/>
    <mergeCell ref="E29:J29"/>
    <mergeCell ref="K29:AS29"/>
    <mergeCell ref="E30:J30"/>
    <mergeCell ref="K30:AS30"/>
    <mergeCell ref="D31:D37"/>
    <mergeCell ref="E31:P31"/>
    <mergeCell ref="Q31:AF31"/>
    <mergeCell ref="AG31:AS31"/>
    <mergeCell ref="E32:AB32"/>
    <mergeCell ref="AC32:AS32"/>
    <mergeCell ref="D24:D30"/>
    <mergeCell ref="E24:P24"/>
    <mergeCell ref="Q24:AF24"/>
    <mergeCell ref="AG24:AS24"/>
    <mergeCell ref="E25:AS25"/>
    <mergeCell ref="E26:M27"/>
    <mergeCell ref="N26:AS26"/>
    <mergeCell ref="N27:AS27"/>
    <mergeCell ref="E28:M28"/>
    <mergeCell ref="N28:AS28"/>
    <mergeCell ref="D10:D16"/>
    <mergeCell ref="I10:Q10"/>
    <mergeCell ref="V10:AE10"/>
    <mergeCell ref="AJ10:AS10"/>
    <mergeCell ref="L11:AE11"/>
    <mergeCell ref="AJ11:AS11"/>
    <mergeCell ref="F13:AS13"/>
    <mergeCell ref="I14:AE14"/>
    <mergeCell ref="AF14:AS14"/>
    <mergeCell ref="F16:AE16"/>
    <mergeCell ref="P6:AE6"/>
    <mergeCell ref="AF6:AS6"/>
    <mergeCell ref="B1:B45"/>
    <mergeCell ref="AU1:AU45"/>
    <mergeCell ref="AH1:AS1"/>
    <mergeCell ref="AL2:AS2"/>
    <mergeCell ref="AG3:AS5"/>
    <mergeCell ref="E4:R4"/>
    <mergeCell ref="E21:M21"/>
    <mergeCell ref="N21:AS21"/>
    <mergeCell ref="E22:J22"/>
    <mergeCell ref="K22:AS22"/>
    <mergeCell ref="E23:J23"/>
    <mergeCell ref="K23:AS23"/>
    <mergeCell ref="AG16:AR16"/>
    <mergeCell ref="D17:D23"/>
    <mergeCell ref="E17:P17"/>
    <mergeCell ref="Q17:AF17"/>
    <mergeCell ref="AG17:AS17"/>
    <mergeCell ref="E18:AE18"/>
    <mergeCell ref="AG18:AS18"/>
    <mergeCell ref="E19:M20"/>
    <mergeCell ref="N19:AS19"/>
    <mergeCell ref="N20:AS20"/>
  </mergeCells>
  <phoneticPr fontId="59"/>
  <pageMargins left="0.70866141732283472" right="0.51181102362204722" top="0.35433070866141736" bottom="0.15748031496062992" header="0" footer="0"/>
  <pageSetup paperSize="9" scale="70" fitToHeight="0" orientation="portrait" r:id="rId1"/>
  <rowBreaks count="1" manualBreakCount="1">
    <brk id="44" max="1638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C30"/>
  <sheetViews>
    <sheetView showGridLines="0" view="pageBreakPreview" topLeftCell="A7" zoomScaleNormal="90" zoomScaleSheetLayoutView="100" workbookViewId="0">
      <selection activeCell="J21" sqref="J21:AA21"/>
    </sheetView>
  </sheetViews>
  <sheetFormatPr defaultColWidth="9" defaultRowHeight="18" x14ac:dyDescent="0.45"/>
  <cols>
    <col min="1" max="1" width="1.3984375" style="76" customWidth="1"/>
    <col min="2" max="2" width="1.19921875" style="76" customWidth="1"/>
    <col min="3" max="3" width="3.69921875" style="76" customWidth="1"/>
    <col min="4" max="5" width="4" style="76" customWidth="1"/>
    <col min="6" max="6" width="1.8984375" style="76" customWidth="1"/>
    <col min="7" max="7" width="2.69921875" style="76" customWidth="1"/>
    <col min="8" max="9" width="3.5" style="76" customWidth="1"/>
    <col min="10" max="10" width="5.3984375" style="76" customWidth="1"/>
    <col min="11" max="11" width="1.8984375" style="76" customWidth="1"/>
    <col min="12" max="12" width="5.8984375" style="76" customWidth="1"/>
    <col min="13" max="13" width="4.19921875" style="76" customWidth="1"/>
    <col min="14" max="14" width="3.59765625" style="76" customWidth="1"/>
    <col min="15" max="15" width="5.5" style="76" customWidth="1"/>
    <col min="16" max="16" width="2.59765625" style="76" customWidth="1"/>
    <col min="17" max="17" width="1.5" style="76" customWidth="1"/>
    <col min="18" max="18" width="3.5" style="76" customWidth="1"/>
    <col min="19" max="19" width="7.3984375" style="76" customWidth="1"/>
    <col min="20" max="20" width="3.3984375" style="76" customWidth="1"/>
    <col min="21" max="21" width="2.09765625" style="76" customWidth="1"/>
    <col min="22" max="22" width="3.3984375" style="76" customWidth="1"/>
    <col min="23" max="23" width="5.8984375" style="76" customWidth="1"/>
    <col min="24" max="24" width="4.69921875" style="76" customWidth="1"/>
    <col min="25" max="25" width="4" style="76" customWidth="1"/>
    <col min="26" max="26" width="1.59765625" style="76" customWidth="1"/>
    <col min="27" max="27" width="2.69921875" style="76" customWidth="1"/>
    <col min="28" max="28" width="1.69921875" style="76" customWidth="1"/>
    <col min="29" max="16384" width="9" style="76"/>
  </cols>
  <sheetData>
    <row r="1" spans="1:29" s="78" customFormat="1" ht="39" customHeight="1" x14ac:dyDescent="0.45">
      <c r="B1" s="310"/>
      <c r="C1" s="1191"/>
      <c r="D1" s="1191"/>
      <c r="E1" s="1191"/>
      <c r="F1" s="1191"/>
      <c r="G1" s="1191"/>
      <c r="H1" s="1191"/>
      <c r="I1" s="1191"/>
      <c r="J1" s="310"/>
      <c r="K1" s="310"/>
      <c r="L1" s="310"/>
      <c r="M1" s="1192"/>
      <c r="N1" s="1192"/>
      <c r="O1" s="1192"/>
      <c r="P1" s="1192"/>
      <c r="Q1" s="1192"/>
      <c r="R1" s="1192"/>
      <c r="S1" s="310"/>
      <c r="T1" s="310"/>
      <c r="U1" s="310"/>
      <c r="V1" s="1192" t="s">
        <v>169</v>
      </c>
      <c r="W1" s="1192"/>
      <c r="X1" s="1192"/>
      <c r="Y1" s="1192"/>
      <c r="Z1" s="1192"/>
      <c r="AA1" s="1192"/>
      <c r="AB1" s="1192"/>
      <c r="AC1" s="309"/>
    </row>
    <row r="2" spans="1:29" s="78" customFormat="1" ht="32.25" customHeight="1" thickBot="1" x14ac:dyDescent="0.25">
      <c r="B2" s="263"/>
      <c r="C2" s="79"/>
      <c r="D2" s="1189" t="s">
        <v>0</v>
      </c>
      <c r="E2" s="1189"/>
      <c r="F2" s="1189"/>
      <c r="G2" s="1189"/>
      <c r="H2" s="1189"/>
      <c r="I2" s="1189"/>
      <c r="J2" s="1189"/>
      <c r="K2" s="1189"/>
      <c r="L2" s="1189"/>
      <c r="M2" s="1190"/>
      <c r="N2" s="1190"/>
      <c r="O2" s="1190"/>
      <c r="P2" s="1190"/>
      <c r="Q2" s="1190"/>
      <c r="R2" s="1190"/>
      <c r="S2" s="1190"/>
      <c r="T2" s="1191" t="s">
        <v>141</v>
      </c>
      <c r="U2" s="1191"/>
      <c r="V2" s="1191"/>
      <c r="W2" s="1191"/>
      <c r="X2" s="1191"/>
      <c r="Y2" s="1191"/>
      <c r="Z2" s="1191"/>
      <c r="AA2" s="1191"/>
      <c r="AB2" s="1191"/>
    </row>
    <row r="3" spans="1:29" s="78" customFormat="1" ht="19.5" customHeight="1" x14ac:dyDescent="0.2">
      <c r="B3" s="263"/>
      <c r="C3" s="79"/>
      <c r="D3" s="80"/>
      <c r="E3" s="80"/>
      <c r="F3" s="80"/>
      <c r="G3" s="80"/>
      <c r="H3" s="80"/>
      <c r="I3" s="80"/>
      <c r="J3" s="80"/>
      <c r="K3" s="80"/>
      <c r="L3" s="80"/>
      <c r="M3" s="79"/>
      <c r="N3" s="79"/>
      <c r="O3" s="79"/>
      <c r="P3" s="79"/>
      <c r="Q3" s="79"/>
      <c r="R3" s="79"/>
      <c r="S3" s="79"/>
      <c r="T3" s="201"/>
      <c r="U3" s="201"/>
      <c r="V3" s="201"/>
      <c r="W3" s="201"/>
      <c r="X3" s="201"/>
      <c r="Y3" s="201"/>
      <c r="Z3" s="201"/>
      <c r="AA3" s="201"/>
      <c r="AB3" s="264"/>
    </row>
    <row r="4" spans="1:29" s="78" customFormat="1" ht="35.85" customHeight="1" x14ac:dyDescent="0.45">
      <c r="A4" s="309"/>
      <c r="B4" s="1193"/>
      <c r="C4" s="1193"/>
      <c r="D4" s="1193"/>
      <c r="E4" s="1193"/>
      <c r="F4" s="1193"/>
      <c r="G4" s="1193"/>
      <c r="H4" s="1194" t="s">
        <v>19</v>
      </c>
      <c r="I4" s="1194"/>
      <c r="J4" s="1194"/>
      <c r="K4" s="1194"/>
      <c r="L4" s="1194"/>
      <c r="M4" s="1194"/>
      <c r="N4" s="1194"/>
      <c r="O4" s="1194"/>
      <c r="P4" s="1194"/>
      <c r="Q4" s="1194"/>
      <c r="R4" s="1194"/>
      <c r="S4" s="1194"/>
      <c r="T4" s="1194"/>
      <c r="U4" s="1194"/>
      <c r="V4" s="1194"/>
      <c r="W4" s="1194"/>
      <c r="X4" s="1193"/>
      <c r="Y4" s="1193"/>
      <c r="Z4" s="1193"/>
      <c r="AA4" s="1193"/>
      <c r="AB4" s="1193"/>
    </row>
    <row r="5" spans="1:29" s="78" customFormat="1" ht="54" customHeight="1" thickBot="1" x14ac:dyDescent="0.5">
      <c r="A5" s="309"/>
      <c r="B5" s="306"/>
      <c r="C5" s="1195" t="s">
        <v>184</v>
      </c>
      <c r="D5" s="1195"/>
      <c r="E5" s="1195"/>
      <c r="F5" s="1195"/>
      <c r="G5" s="1195"/>
      <c r="H5" s="1195"/>
      <c r="I5" s="1195"/>
      <c r="J5" s="1195"/>
      <c r="K5" s="1195"/>
      <c r="L5" s="1195"/>
      <c r="M5" s="1195"/>
      <c r="N5" s="1195"/>
      <c r="O5" s="1195"/>
      <c r="P5" s="1195"/>
      <c r="Q5" s="1195"/>
      <c r="R5" s="1195"/>
      <c r="S5" s="1195"/>
      <c r="T5" s="1195"/>
      <c r="U5" s="1195"/>
      <c r="V5" s="1195"/>
      <c r="W5" s="1195"/>
      <c r="X5" s="1195"/>
      <c r="Y5" s="1195"/>
      <c r="Z5" s="1195"/>
      <c r="AA5" s="1195"/>
      <c r="AB5" s="306"/>
    </row>
    <row r="6" spans="1:29" s="78" customFormat="1" ht="21.75" customHeight="1" x14ac:dyDescent="0.45">
      <c r="A6" s="309"/>
      <c r="B6" s="1196"/>
      <c r="C6" s="1197" t="s">
        <v>16</v>
      </c>
      <c r="D6" s="1200" t="s">
        <v>4</v>
      </c>
      <c r="E6" s="1201"/>
      <c r="F6" s="1201"/>
      <c r="G6" s="1201"/>
      <c r="H6" s="1201"/>
      <c r="I6" s="1201"/>
      <c r="J6" s="1202"/>
      <c r="K6" s="1200" t="s">
        <v>2</v>
      </c>
      <c r="L6" s="1201"/>
      <c r="M6" s="1201"/>
      <c r="N6" s="1201"/>
      <c r="O6" s="1201"/>
      <c r="P6" s="1201"/>
      <c r="Q6" s="1201"/>
      <c r="R6" s="1202"/>
      <c r="S6" s="1200" t="s">
        <v>6</v>
      </c>
      <c r="T6" s="1201"/>
      <c r="U6" s="1201"/>
      <c r="V6" s="1201"/>
      <c r="W6" s="1201"/>
      <c r="X6" s="1201"/>
      <c r="Y6" s="1201"/>
      <c r="Z6" s="1201"/>
      <c r="AA6" s="1203"/>
      <c r="AB6" s="306"/>
      <c r="AC6" s="81"/>
    </row>
    <row r="7" spans="1:29" s="78" customFormat="1" ht="21.75" customHeight="1" x14ac:dyDescent="0.45">
      <c r="A7" s="309"/>
      <c r="B7" s="1196"/>
      <c r="C7" s="1198"/>
      <c r="D7" s="1204" t="s">
        <v>5</v>
      </c>
      <c r="E7" s="1204"/>
      <c r="F7" s="1204"/>
      <c r="G7" s="1204"/>
      <c r="H7" s="1204"/>
      <c r="I7" s="1204"/>
      <c r="J7" s="1204"/>
      <c r="K7" s="1204"/>
      <c r="L7" s="1204"/>
      <c r="M7" s="1204"/>
      <c r="N7" s="1204"/>
      <c r="O7" s="1204"/>
      <c r="P7" s="1204"/>
      <c r="Q7" s="1204"/>
      <c r="R7" s="1204"/>
      <c r="S7" s="1205" t="s">
        <v>90</v>
      </c>
      <c r="T7" s="1206"/>
      <c r="U7" s="1206"/>
      <c r="V7" s="1206"/>
      <c r="W7" s="1206"/>
      <c r="X7" s="1206"/>
      <c r="Y7" s="1206"/>
      <c r="Z7" s="1206"/>
      <c r="AA7" s="1207"/>
      <c r="AB7" s="306"/>
    </row>
    <row r="8" spans="1:29" s="78" customFormat="1" ht="34.5" customHeight="1" x14ac:dyDescent="0.15">
      <c r="A8" s="309"/>
      <c r="B8" s="1196"/>
      <c r="C8" s="1198"/>
      <c r="D8" s="1208" t="s">
        <v>98</v>
      </c>
      <c r="E8" s="1208"/>
      <c r="F8" s="1208"/>
      <c r="G8" s="1208"/>
      <c r="H8" s="1208"/>
      <c r="I8" s="1208"/>
      <c r="J8" s="1209"/>
      <c r="K8" s="1210"/>
      <c r="L8" s="1211"/>
      <c r="M8" s="1211"/>
      <c r="N8" s="1211"/>
      <c r="O8" s="1211"/>
      <c r="P8" s="1211"/>
      <c r="Q8" s="1211"/>
      <c r="R8" s="1211"/>
      <c r="S8" s="1211"/>
      <c r="T8" s="1211"/>
      <c r="U8" s="1211"/>
      <c r="V8" s="1211"/>
      <c r="W8" s="1211"/>
      <c r="X8" s="1211"/>
      <c r="Y8" s="1211"/>
      <c r="Z8" s="1211"/>
      <c r="AA8" s="1212"/>
      <c r="AB8" s="306"/>
    </row>
    <row r="9" spans="1:29" s="78" customFormat="1" ht="16.5" customHeight="1" x14ac:dyDescent="0.45">
      <c r="A9" s="309"/>
      <c r="B9" s="1196"/>
      <c r="C9" s="1198"/>
      <c r="D9" s="1213" t="s">
        <v>3</v>
      </c>
      <c r="E9" s="1214"/>
      <c r="F9" s="1214"/>
      <c r="G9" s="1214"/>
      <c r="H9" s="1214"/>
      <c r="I9" s="1214"/>
      <c r="J9" s="1214"/>
      <c r="K9" s="1214"/>
      <c r="L9" s="1214"/>
      <c r="M9" s="1214"/>
      <c r="N9" s="1214"/>
      <c r="O9" s="1214"/>
      <c r="P9" s="477"/>
      <c r="Q9" s="477"/>
      <c r="R9" s="477"/>
      <c r="S9" s="477"/>
      <c r="T9" s="477"/>
      <c r="U9" s="477"/>
      <c r="V9" s="1214"/>
      <c r="W9" s="1214"/>
      <c r="X9" s="1214"/>
      <c r="Y9" s="1214"/>
      <c r="Z9" s="1214"/>
      <c r="AA9" s="1215"/>
      <c r="AB9" s="306"/>
    </row>
    <row r="10" spans="1:29" s="78" customFormat="1" ht="42" customHeight="1" thickBot="1" x14ac:dyDescent="0.25">
      <c r="A10" s="309"/>
      <c r="B10" s="1196"/>
      <c r="C10" s="1199"/>
      <c r="D10" s="1216" t="s">
        <v>99</v>
      </c>
      <c r="E10" s="697"/>
      <c r="F10" s="697"/>
      <c r="G10" s="697"/>
      <c r="H10" s="697"/>
      <c r="I10" s="697"/>
      <c r="J10" s="697"/>
      <c r="K10" s="478"/>
      <c r="L10" s="478"/>
      <c r="M10" s="478"/>
      <c r="N10" s="478"/>
      <c r="O10" s="478"/>
      <c r="P10" s="1217"/>
      <c r="Q10" s="1218"/>
      <c r="R10" s="1218"/>
      <c r="S10" s="1218"/>
      <c r="T10" s="1218"/>
      <c r="U10" s="1219"/>
      <c r="V10" s="1217" t="s">
        <v>10</v>
      </c>
      <c r="W10" s="1218"/>
      <c r="X10" s="1218"/>
      <c r="Y10" s="1218"/>
      <c r="Z10" s="1218"/>
      <c r="AA10" s="1220"/>
      <c r="AB10" s="306"/>
    </row>
    <row r="11" spans="1:29" s="78" customFormat="1" ht="21" customHeight="1" x14ac:dyDescent="0.15">
      <c r="B11" s="306"/>
      <c r="C11" s="1221" t="s">
        <v>20</v>
      </c>
      <c r="D11" s="1224" t="s">
        <v>14</v>
      </c>
      <c r="E11" s="1225"/>
      <c r="F11" s="1225"/>
      <c r="G11" s="1225"/>
      <c r="H11" s="1225"/>
      <c r="I11" s="1225"/>
      <c r="J11" s="1225"/>
      <c r="K11" s="1226"/>
      <c r="L11" s="1226"/>
      <c r="M11" s="1226"/>
      <c r="N11" s="1226"/>
      <c r="O11" s="1226"/>
      <c r="P11" s="1226"/>
      <c r="Q11" s="1226"/>
      <c r="R11" s="1226"/>
      <c r="S11" s="1226"/>
      <c r="T11" s="1226"/>
      <c r="U11" s="1226"/>
      <c r="V11" s="1226"/>
      <c r="W11" s="1226"/>
      <c r="X11" s="1226"/>
      <c r="Y11" s="1226"/>
      <c r="Z11" s="1226"/>
      <c r="AA11" s="1227"/>
      <c r="AB11" s="306"/>
    </row>
    <row r="12" spans="1:29" s="78" customFormat="1" ht="15.6" customHeight="1" x14ac:dyDescent="0.15">
      <c r="B12" s="306"/>
      <c r="C12" s="1222"/>
      <c r="D12" s="1213" t="s">
        <v>3</v>
      </c>
      <c r="E12" s="1214"/>
      <c r="F12" s="1214"/>
      <c r="G12" s="1214"/>
      <c r="H12" s="1214"/>
      <c r="I12" s="1214"/>
      <c r="J12" s="1214"/>
      <c r="K12" s="1228"/>
      <c r="L12" s="1228"/>
      <c r="M12" s="1228"/>
      <c r="N12" s="1228"/>
      <c r="O12" s="1228"/>
      <c r="P12" s="1228"/>
      <c r="Q12" s="1228"/>
      <c r="R12" s="1228"/>
      <c r="S12" s="1228"/>
      <c r="T12" s="1228"/>
      <c r="U12" s="1228"/>
      <c r="V12" s="1228"/>
      <c r="W12" s="1228"/>
      <c r="X12" s="1228"/>
      <c r="Y12" s="1228"/>
      <c r="Z12" s="1228"/>
      <c r="AA12" s="1229"/>
      <c r="AB12" s="306"/>
    </row>
    <row r="13" spans="1:29" s="78" customFormat="1" ht="34.200000000000003" customHeight="1" thickBot="1" x14ac:dyDescent="0.5">
      <c r="B13" s="306"/>
      <c r="C13" s="1223"/>
      <c r="D13" s="1230" t="s">
        <v>15</v>
      </c>
      <c r="E13" s="1231"/>
      <c r="F13" s="1231"/>
      <c r="G13" s="1231"/>
      <c r="H13" s="1231"/>
      <c r="I13" s="1231"/>
      <c r="J13" s="1231"/>
      <c r="K13" s="1232"/>
      <c r="L13" s="1232"/>
      <c r="M13" s="1232"/>
      <c r="N13" s="1232"/>
      <c r="O13" s="1232"/>
      <c r="P13" s="1232"/>
      <c r="Q13" s="1232"/>
      <c r="R13" s="1232"/>
      <c r="S13" s="1232"/>
      <c r="T13" s="1232"/>
      <c r="U13" s="1232"/>
      <c r="V13" s="1232"/>
      <c r="W13" s="1232"/>
      <c r="X13" s="1232"/>
      <c r="Y13" s="1232"/>
      <c r="Z13" s="1232"/>
      <c r="AA13" s="1233"/>
      <c r="AB13" s="306"/>
    </row>
    <row r="14" spans="1:29" s="78" customFormat="1" ht="21.6" customHeight="1" x14ac:dyDescent="0.45">
      <c r="B14" s="265"/>
      <c r="C14" s="1256" t="s">
        <v>28</v>
      </c>
      <c r="D14" s="1257"/>
      <c r="E14" s="1257"/>
      <c r="F14" s="1257"/>
      <c r="G14" s="1257"/>
      <c r="H14" s="1257"/>
      <c r="I14" s="1258"/>
      <c r="J14" s="136" t="s">
        <v>103</v>
      </c>
      <c r="K14" s="137"/>
      <c r="L14" s="137"/>
      <c r="M14" s="137"/>
      <c r="N14" s="137"/>
      <c r="O14" s="137"/>
      <c r="P14" s="137"/>
      <c r="Q14" s="137"/>
      <c r="R14" s="137"/>
      <c r="S14" s="137"/>
      <c r="T14" s="137"/>
      <c r="U14" s="137"/>
      <c r="V14" s="137"/>
      <c r="W14" s="137"/>
      <c r="X14" s="137"/>
      <c r="Y14" s="137"/>
      <c r="Z14" s="137"/>
      <c r="AA14" s="138"/>
      <c r="AB14" s="306"/>
    </row>
    <row r="15" spans="1:29" s="78" customFormat="1" ht="21.6" customHeight="1" x14ac:dyDescent="0.45">
      <c r="B15" s="265"/>
      <c r="C15" s="1259"/>
      <c r="D15" s="1260"/>
      <c r="E15" s="1260"/>
      <c r="F15" s="1260"/>
      <c r="G15" s="1260"/>
      <c r="H15" s="1260"/>
      <c r="I15" s="1261"/>
      <c r="J15" s="139" t="s">
        <v>104</v>
      </c>
      <c r="K15" s="140"/>
      <c r="L15" s="140"/>
      <c r="M15" s="139" t="s">
        <v>107</v>
      </c>
      <c r="N15" s="140"/>
      <c r="O15" s="140"/>
      <c r="P15" s="139" t="s">
        <v>110</v>
      </c>
      <c r="Q15" s="140"/>
      <c r="R15" s="140"/>
      <c r="S15" s="140"/>
      <c r="T15" s="140"/>
      <c r="U15" s="140"/>
      <c r="V15" s="140"/>
      <c r="W15" s="140"/>
      <c r="X15" s="140"/>
      <c r="Y15" s="140"/>
      <c r="Z15" s="140"/>
      <c r="AA15" s="141"/>
      <c r="AB15" s="306"/>
    </row>
    <row r="16" spans="1:29" s="78" customFormat="1" ht="21.6" customHeight="1" x14ac:dyDescent="0.45">
      <c r="B16" s="265"/>
      <c r="C16" s="1259"/>
      <c r="D16" s="1260"/>
      <c r="E16" s="1260"/>
      <c r="F16" s="1260"/>
      <c r="G16" s="1260"/>
      <c r="H16" s="1260"/>
      <c r="I16" s="1261"/>
      <c r="J16" s="139" t="s">
        <v>105</v>
      </c>
      <c r="K16" s="140"/>
      <c r="L16" s="140"/>
      <c r="M16" s="139" t="s">
        <v>108</v>
      </c>
      <c r="N16" s="140"/>
      <c r="O16" s="140"/>
      <c r="P16" s="139" t="s">
        <v>111</v>
      </c>
      <c r="Q16" s="140"/>
      <c r="R16" s="140"/>
      <c r="S16" s="140"/>
      <c r="T16" s="1265" t="s">
        <v>207</v>
      </c>
      <c r="U16" s="1265"/>
      <c r="V16" s="1265"/>
      <c r="W16" s="1265"/>
      <c r="X16" s="1265"/>
      <c r="Y16" s="1265"/>
      <c r="Z16" s="1265"/>
      <c r="AA16" s="141"/>
      <c r="AB16" s="306"/>
    </row>
    <row r="17" spans="2:28" s="78" customFormat="1" ht="21.6" customHeight="1" thickBot="1" x14ac:dyDescent="0.5">
      <c r="B17" s="265"/>
      <c r="C17" s="1262"/>
      <c r="D17" s="1263"/>
      <c r="E17" s="1263"/>
      <c r="F17" s="1263"/>
      <c r="G17" s="1263"/>
      <c r="H17" s="1263"/>
      <c r="I17" s="1264"/>
      <c r="J17" s="142" t="s">
        <v>106</v>
      </c>
      <c r="K17" s="140"/>
      <c r="L17" s="140"/>
      <c r="M17" s="142" t="s">
        <v>109</v>
      </c>
      <c r="N17" s="140"/>
      <c r="O17" s="140"/>
      <c r="P17" s="142" t="s">
        <v>112</v>
      </c>
      <c r="Q17" s="140"/>
      <c r="R17" s="143"/>
      <c r="S17" s="140"/>
      <c r="T17" s="1266"/>
      <c r="U17" s="1266"/>
      <c r="V17" s="1266"/>
      <c r="W17" s="1266"/>
      <c r="X17" s="1266"/>
      <c r="Y17" s="1266"/>
      <c r="Z17" s="1266"/>
      <c r="AA17" s="141"/>
      <c r="AB17" s="306"/>
    </row>
    <row r="18" spans="2:28" s="78" customFormat="1" ht="15.6" customHeight="1" x14ac:dyDescent="0.45">
      <c r="B18" s="306"/>
      <c r="C18" s="1221" t="s">
        <v>21</v>
      </c>
      <c r="D18" s="1238" t="s">
        <v>22</v>
      </c>
      <c r="E18" s="1239"/>
      <c r="F18" s="1239"/>
      <c r="G18" s="1239"/>
      <c r="H18" s="1239"/>
      <c r="I18" s="1240"/>
      <c r="J18" s="1244" t="s">
        <v>3</v>
      </c>
      <c r="K18" s="1245"/>
      <c r="L18" s="1245"/>
      <c r="M18" s="1245"/>
      <c r="N18" s="1245"/>
      <c r="O18" s="1245"/>
      <c r="P18" s="1245"/>
      <c r="Q18" s="1245"/>
      <c r="R18" s="1245"/>
      <c r="S18" s="1245"/>
      <c r="T18" s="1245"/>
      <c r="U18" s="1245"/>
      <c r="V18" s="1245"/>
      <c r="W18" s="1245"/>
      <c r="X18" s="1245"/>
      <c r="Y18" s="1245"/>
      <c r="Z18" s="1245"/>
      <c r="AA18" s="1246"/>
      <c r="AB18" s="306"/>
    </row>
    <row r="19" spans="2:28" s="78" customFormat="1" ht="25.5" customHeight="1" x14ac:dyDescent="0.2">
      <c r="B19" s="306"/>
      <c r="C19" s="1222"/>
      <c r="D19" s="1241"/>
      <c r="E19" s="1242"/>
      <c r="F19" s="1242"/>
      <c r="G19" s="1242"/>
      <c r="H19" s="1242"/>
      <c r="I19" s="1243"/>
      <c r="J19" s="82"/>
      <c r="K19" s="83"/>
      <c r="L19" s="83"/>
      <c r="M19" s="83"/>
      <c r="N19" s="83"/>
      <c r="O19" s="83"/>
      <c r="P19" s="83"/>
      <c r="Q19" s="83"/>
      <c r="R19" s="83"/>
      <c r="S19" s="83"/>
      <c r="T19" s="83"/>
      <c r="U19" s="83"/>
      <c r="V19" s="83"/>
      <c r="W19" s="1247" t="s">
        <v>29</v>
      </c>
      <c r="X19" s="1247"/>
      <c r="Y19" s="1247"/>
      <c r="Z19" s="1247"/>
      <c r="AA19" s="1248"/>
      <c r="AB19" s="306"/>
    </row>
    <row r="20" spans="2:28" s="78" customFormat="1" ht="30.75" customHeight="1" x14ac:dyDescent="0.45">
      <c r="B20" s="306"/>
      <c r="C20" s="1222"/>
      <c r="D20" s="1249" t="s">
        <v>23</v>
      </c>
      <c r="E20" s="1250"/>
      <c r="F20" s="1250"/>
      <c r="G20" s="1250"/>
      <c r="H20" s="1250"/>
      <c r="I20" s="1251"/>
      <c r="J20" s="1252"/>
      <c r="K20" s="1252"/>
      <c r="L20" s="1252"/>
      <c r="M20" s="1252"/>
      <c r="N20" s="1252"/>
      <c r="O20" s="1252"/>
      <c r="P20" s="1252"/>
      <c r="Q20" s="1252"/>
      <c r="R20" s="1252"/>
      <c r="S20" s="1252"/>
      <c r="T20" s="1252"/>
      <c r="U20" s="1252"/>
      <c r="V20" s="1252"/>
      <c r="W20" s="1252"/>
      <c r="X20" s="1252"/>
      <c r="Y20" s="1252"/>
      <c r="Z20" s="1252"/>
      <c r="AA20" s="1253"/>
      <c r="AB20" s="306"/>
    </row>
    <row r="21" spans="2:28" s="78" customFormat="1" ht="29.25" customHeight="1" x14ac:dyDescent="0.45">
      <c r="B21" s="307"/>
      <c r="C21" s="1237"/>
      <c r="D21" s="1234" t="s">
        <v>24</v>
      </c>
      <c r="E21" s="1234"/>
      <c r="F21" s="1234"/>
      <c r="G21" s="1234"/>
      <c r="H21" s="1234"/>
      <c r="I21" s="1234"/>
      <c r="J21" s="1235"/>
      <c r="K21" s="1235"/>
      <c r="L21" s="1235"/>
      <c r="M21" s="1235"/>
      <c r="N21" s="1235"/>
      <c r="O21" s="1235"/>
      <c r="P21" s="1235"/>
      <c r="Q21" s="1235"/>
      <c r="R21" s="1235"/>
      <c r="S21" s="1235"/>
      <c r="T21" s="1235"/>
      <c r="U21" s="1235"/>
      <c r="V21" s="1235"/>
      <c r="W21" s="1235"/>
      <c r="X21" s="1235"/>
      <c r="Y21" s="1235"/>
      <c r="Z21" s="1235"/>
      <c r="AA21" s="1236"/>
      <c r="AB21" s="307"/>
    </row>
    <row r="22" spans="2:28" s="78" customFormat="1" ht="29.25" customHeight="1" x14ac:dyDescent="0.45">
      <c r="B22" s="307"/>
      <c r="C22" s="1237"/>
      <c r="D22" s="1234" t="s">
        <v>25</v>
      </c>
      <c r="E22" s="1234"/>
      <c r="F22" s="1234"/>
      <c r="G22" s="1234"/>
      <c r="H22" s="1234"/>
      <c r="I22" s="1234"/>
      <c r="J22" s="1235"/>
      <c r="K22" s="1235"/>
      <c r="L22" s="1235"/>
      <c r="M22" s="1235"/>
      <c r="N22" s="1235"/>
      <c r="O22" s="1235"/>
      <c r="P22" s="1235"/>
      <c r="Q22" s="1235"/>
      <c r="R22" s="1235"/>
      <c r="S22" s="1235"/>
      <c r="T22" s="1235"/>
      <c r="U22" s="1235"/>
      <c r="V22" s="1235"/>
      <c r="W22" s="1235"/>
      <c r="X22" s="1235"/>
      <c r="Y22" s="1235"/>
      <c r="Z22" s="1235"/>
      <c r="AA22" s="1236"/>
      <c r="AB22" s="307"/>
    </row>
    <row r="23" spans="2:28" s="78" customFormat="1" ht="45" customHeight="1" x14ac:dyDescent="0.45">
      <c r="B23" s="307"/>
      <c r="C23" s="1237"/>
      <c r="D23" s="1234" t="s">
        <v>26</v>
      </c>
      <c r="E23" s="1234"/>
      <c r="F23" s="1234"/>
      <c r="G23" s="1234"/>
      <c r="H23" s="1234"/>
      <c r="I23" s="1234"/>
      <c r="J23" s="1235"/>
      <c r="K23" s="1235"/>
      <c r="L23" s="1235"/>
      <c r="M23" s="1235"/>
      <c r="N23" s="1235"/>
      <c r="O23" s="1235"/>
      <c r="P23" s="1235"/>
      <c r="Q23" s="1235"/>
      <c r="R23" s="1235"/>
      <c r="S23" s="1235"/>
      <c r="T23" s="1235"/>
      <c r="U23" s="1235"/>
      <c r="V23" s="1235"/>
      <c r="W23" s="1235"/>
      <c r="X23" s="1235"/>
      <c r="Y23" s="1235"/>
      <c r="Z23" s="1235"/>
      <c r="AA23" s="1236"/>
      <c r="AB23" s="307"/>
    </row>
    <row r="24" spans="2:28" s="78" customFormat="1" ht="29.25" customHeight="1" thickBot="1" x14ac:dyDescent="0.5">
      <c r="B24" s="307"/>
      <c r="C24" s="1222"/>
      <c r="D24" s="1267" t="s">
        <v>27</v>
      </c>
      <c r="E24" s="1268"/>
      <c r="F24" s="1268"/>
      <c r="G24" s="1268"/>
      <c r="H24" s="1268"/>
      <c r="I24" s="1269"/>
      <c r="J24" s="1270" t="s">
        <v>17</v>
      </c>
      <c r="K24" s="1270"/>
      <c r="L24" s="1270"/>
      <c r="M24" s="1270"/>
      <c r="N24" s="1271"/>
      <c r="O24" s="1271"/>
      <c r="P24" s="1271"/>
      <c r="Q24" s="1271"/>
      <c r="R24" s="1271"/>
      <c r="S24" s="1271"/>
      <c r="T24" s="1271"/>
      <c r="U24" s="1271"/>
      <c r="V24" s="1271"/>
      <c r="W24" s="1271"/>
      <c r="X24" s="1271"/>
      <c r="Y24" s="1271"/>
      <c r="Z24" s="1271"/>
      <c r="AA24" s="1272"/>
      <c r="AB24" s="307"/>
    </row>
    <row r="25" spans="2:28" s="78" customFormat="1" ht="12" customHeight="1" x14ac:dyDescent="0.45">
      <c r="B25" s="307"/>
      <c r="C25" s="1273" t="s">
        <v>32</v>
      </c>
      <c r="D25" s="1276"/>
      <c r="E25" s="1276"/>
      <c r="F25" s="1276"/>
      <c r="G25" s="1276"/>
      <c r="H25" s="1276"/>
      <c r="I25" s="1276"/>
      <c r="J25" s="1276"/>
      <c r="K25" s="1276"/>
      <c r="L25" s="1276"/>
      <c r="M25" s="1277"/>
      <c r="N25" s="1283" t="s">
        <v>36</v>
      </c>
      <c r="O25" s="1239"/>
      <c r="P25" s="1239"/>
      <c r="Q25" s="1284"/>
      <c r="R25" s="1288" t="s">
        <v>37</v>
      </c>
      <c r="S25" s="1288"/>
      <c r="T25" s="1288"/>
      <c r="U25" s="1288"/>
      <c r="V25" s="1288"/>
      <c r="W25" s="1288"/>
      <c r="X25" s="1288"/>
      <c r="Y25" s="1288"/>
      <c r="Z25" s="1288"/>
      <c r="AA25" s="1289"/>
      <c r="AB25" s="307"/>
    </row>
    <row r="26" spans="2:28" s="78" customFormat="1" ht="26.25" customHeight="1" thickBot="1" x14ac:dyDescent="0.5">
      <c r="B26" s="307"/>
      <c r="C26" s="1274"/>
      <c r="D26" s="1278"/>
      <c r="E26" s="1278"/>
      <c r="F26" s="1278"/>
      <c r="G26" s="1278"/>
      <c r="H26" s="1278"/>
      <c r="I26" s="1278"/>
      <c r="J26" s="1278"/>
      <c r="K26" s="1278"/>
      <c r="L26" s="1278"/>
      <c r="M26" s="1279"/>
      <c r="N26" s="1285"/>
      <c r="O26" s="1286"/>
      <c r="P26" s="1286"/>
      <c r="Q26" s="1287"/>
      <c r="R26" s="1195"/>
      <c r="S26" s="1195"/>
      <c r="T26" s="1195"/>
      <c r="U26" s="1195"/>
      <c r="V26" s="1195"/>
      <c r="W26" s="1195"/>
      <c r="X26" s="1195"/>
      <c r="Y26" s="1195"/>
      <c r="Z26" s="1195"/>
      <c r="AA26" s="1290"/>
      <c r="AB26" s="307"/>
    </row>
    <row r="27" spans="2:28" s="78" customFormat="1" ht="13.2" x14ac:dyDescent="0.45">
      <c r="B27" s="306"/>
      <c r="C27" s="1274"/>
      <c r="D27" s="1234"/>
      <c r="E27" s="1234"/>
      <c r="F27" s="1234"/>
      <c r="G27" s="1234"/>
      <c r="H27" s="1234"/>
      <c r="I27" s="1234"/>
      <c r="J27" s="1234"/>
      <c r="K27" s="1234"/>
      <c r="L27" s="1234"/>
      <c r="M27" s="1280"/>
      <c r="N27" s="1291" t="s">
        <v>18</v>
      </c>
      <c r="O27" s="1292"/>
      <c r="P27" s="1292"/>
      <c r="Q27" s="1292"/>
      <c r="R27" s="1292"/>
      <c r="S27" s="1292"/>
      <c r="T27" s="1292"/>
      <c r="U27" s="1293" t="s">
        <v>11</v>
      </c>
      <c r="V27" s="1294"/>
      <c r="W27" s="1294"/>
      <c r="X27" s="1294"/>
      <c r="Y27" s="1294"/>
      <c r="Z27" s="1294"/>
      <c r="AA27" s="1295"/>
      <c r="AB27" s="306"/>
    </row>
    <row r="28" spans="2:28" s="78" customFormat="1" ht="36" customHeight="1" thickBot="1" x14ac:dyDescent="0.5">
      <c r="B28" s="306"/>
      <c r="C28" s="1275"/>
      <c r="D28" s="1281"/>
      <c r="E28" s="1281"/>
      <c r="F28" s="1281"/>
      <c r="G28" s="1281"/>
      <c r="H28" s="1281"/>
      <c r="I28" s="1281"/>
      <c r="J28" s="1281"/>
      <c r="K28" s="1281"/>
      <c r="L28" s="1281"/>
      <c r="M28" s="1282"/>
      <c r="N28" s="1296" t="s">
        <v>38</v>
      </c>
      <c r="O28" s="1296"/>
      <c r="P28" s="1296"/>
      <c r="Q28" s="1296"/>
      <c r="R28" s="1296"/>
      <c r="S28" s="1296"/>
      <c r="T28" s="1297"/>
      <c r="U28" s="1298"/>
      <c r="V28" s="1299"/>
      <c r="W28" s="1299"/>
      <c r="X28" s="1299"/>
      <c r="Y28" s="1299"/>
      <c r="Z28" s="1299"/>
      <c r="AA28" s="1300"/>
      <c r="AB28" s="306"/>
    </row>
    <row r="29" spans="2:28" s="78" customFormat="1" ht="10.5" customHeight="1" x14ac:dyDescent="0.45">
      <c r="B29" s="307"/>
      <c r="C29" s="307"/>
      <c r="D29" s="1254"/>
      <c r="E29" s="1254"/>
      <c r="F29" s="1254"/>
      <c r="G29" s="308"/>
      <c r="H29" s="308"/>
      <c r="I29" s="308"/>
      <c r="J29" s="308"/>
      <c r="K29" s="308"/>
      <c r="L29" s="308"/>
      <c r="M29" s="308"/>
      <c r="N29" s="308"/>
      <c r="O29" s="308"/>
      <c r="P29" s="308"/>
      <c r="Q29" s="308"/>
      <c r="R29" s="308"/>
      <c r="S29" s="308"/>
      <c r="T29" s="308"/>
      <c r="U29" s="308"/>
      <c r="V29" s="308"/>
      <c r="W29" s="308"/>
      <c r="X29" s="308"/>
      <c r="Y29" s="308"/>
      <c r="Z29" s="308"/>
      <c r="AA29" s="1255"/>
      <c r="AB29" s="1255"/>
    </row>
    <row r="30" spans="2:28" ht="18.75" customHeight="1" x14ac:dyDescent="0.45"/>
  </sheetData>
  <mergeCells count="58">
    <mergeCell ref="D29:F29"/>
    <mergeCell ref="AA29:AB29"/>
    <mergeCell ref="C14:I17"/>
    <mergeCell ref="T16:Z17"/>
    <mergeCell ref="D24:I24"/>
    <mergeCell ref="J24:AA24"/>
    <mergeCell ref="C25:C28"/>
    <mergeCell ref="D25:M28"/>
    <mergeCell ref="N25:Q26"/>
    <mergeCell ref="R25:AA26"/>
    <mergeCell ref="N27:T27"/>
    <mergeCell ref="U27:AA27"/>
    <mergeCell ref="N28:T28"/>
    <mergeCell ref="U28:AA28"/>
    <mergeCell ref="D21:I21"/>
    <mergeCell ref="J21:AA21"/>
    <mergeCell ref="D22:I22"/>
    <mergeCell ref="J22:AA22"/>
    <mergeCell ref="D23:I23"/>
    <mergeCell ref="J23:AA23"/>
    <mergeCell ref="C18:C24"/>
    <mergeCell ref="D18:I19"/>
    <mergeCell ref="J18:AA18"/>
    <mergeCell ref="W19:AA19"/>
    <mergeCell ref="D20:I20"/>
    <mergeCell ref="J20:AA20"/>
    <mergeCell ref="P10:U10"/>
    <mergeCell ref="V10:AA10"/>
    <mergeCell ref="C11:C13"/>
    <mergeCell ref="D11:J11"/>
    <mergeCell ref="K11:AA11"/>
    <mergeCell ref="D12:J12"/>
    <mergeCell ref="K12:AA12"/>
    <mergeCell ref="D13:J13"/>
    <mergeCell ref="K13:AA13"/>
    <mergeCell ref="B4:G4"/>
    <mergeCell ref="H4:W4"/>
    <mergeCell ref="X4:AB4"/>
    <mergeCell ref="C5:AA5"/>
    <mergeCell ref="B6:B10"/>
    <mergeCell ref="C6:C10"/>
    <mergeCell ref="D6:J6"/>
    <mergeCell ref="K6:R6"/>
    <mergeCell ref="S6:AA6"/>
    <mergeCell ref="D7:R7"/>
    <mergeCell ref="S7:AA7"/>
    <mergeCell ref="D8:J8"/>
    <mergeCell ref="K8:AA8"/>
    <mergeCell ref="D9:O9"/>
    <mergeCell ref="V9:AA9"/>
    <mergeCell ref="D10:J10"/>
    <mergeCell ref="D2:L2"/>
    <mergeCell ref="M2:O2"/>
    <mergeCell ref="P2:S2"/>
    <mergeCell ref="T2:AB2"/>
    <mergeCell ref="V1:AB1"/>
    <mergeCell ref="M1:R1"/>
    <mergeCell ref="C1:I1"/>
  </mergeCells>
  <phoneticPr fontId="24"/>
  <printOptions horizontalCentered="1" verticalCentered="1"/>
  <pageMargins left="0.25" right="0.25" top="0.75" bottom="0.75" header="0.3" footer="0.3"/>
  <pageSetup paperSize="9" scale="92" orientation="portrait" r:id="rId1"/>
  <headerFooter>
    <oddHeader>&amp;R別紙様式５</oddHeader>
  </headerFooter>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要領</vt:lpstr>
      <vt:lpstr>別紙様式１【新規、継続】許可申請書・届出書 </vt:lpstr>
      <vt:lpstr>別紙様式２【変更】許可申請書・届出書  </vt:lpstr>
      <vt:lpstr>別紙様式３【廃業】許可申請書・届出書 </vt:lpstr>
      <vt:lpstr>別紙様式４【地位承継】許可申請書・届出書</vt:lpstr>
      <vt:lpstr>別紙様式５　食品衛生管理者選任（変更）届</vt:lpstr>
      <vt:lpstr>'別紙様式１【新規、継続】許可申請書・届出書 '!Print_Area</vt:lpstr>
      <vt:lpstr>'別紙様式２【変更】許可申請書・届出書  '!Print_Area</vt:lpstr>
      <vt:lpstr>'別紙様式３【廃業】許可申請書・届出書 '!Print_Area</vt:lpstr>
      <vt:lpstr>別紙様式４【地位承継】許可申請書・届出書!Print_Area</vt:lpstr>
      <vt:lpstr>'別紙様式５　食品衛生管理者選任（変更）届'!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森 一也(mori-kazuya01)</dc:creator>
  <cp:keywords/>
  <dc:description/>
  <cp:lastModifiedBy>imai</cp:lastModifiedBy>
  <cp:revision>0</cp:revision>
  <cp:lastPrinted>2023-12-06T00:26:10Z</cp:lastPrinted>
  <dcterms:created xsi:type="dcterms:W3CDTF">1601-01-01T00:00:00Z</dcterms:created>
  <dcterms:modified xsi:type="dcterms:W3CDTF">2026-01-28T01:07:58Z</dcterms:modified>
  <cp:category/>
</cp:coreProperties>
</file>